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persons/person.xml" ContentType="application/vnd.ms-excel.person+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529"/>
  <workbookPr defaultThemeVersion="124226"/>
  <mc:AlternateContent xmlns:mc="http://schemas.openxmlformats.org/markup-compatibility/2006">
    <mc:Choice Requires="x15">
      <x15ac:absPath xmlns:x15ac="http://schemas.microsoft.com/office/spreadsheetml/2010/11/ac" url="C:\Users\LaszloMeszaros\Desktop\S4 HANA\"/>
    </mc:Choice>
  </mc:AlternateContent>
  <xr:revisionPtr revIDLastSave="0" documentId="13_ncr:1_{F9A05A53-303C-40D9-829A-CCA06440C3A5}" xr6:coauthVersionLast="47" xr6:coauthVersionMax="47" xr10:uidLastSave="{00000000-0000-0000-0000-000000000000}"/>
  <bookViews>
    <workbookView xWindow="-110" yWindow="-110" windowWidth="19420" windowHeight="10420" xr2:uid="{00000000-000D-0000-FFFF-FFFF00000000}"/>
  </bookViews>
  <sheets>
    <sheet name="Sheet1" sheetId="1" r:id="rId1"/>
  </sheets>
  <definedNames>
    <definedName name="_xlnm._FilterDatabase" localSheetId="0" hidden="1">Sheet1!$A$2:$D$472</definedName>
  </definedNames>
  <calcPr calcId="191028" calcMode="manual"/>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44" i="1" l="1"/>
  <c r="F43" i="1"/>
  <c r="F453" i="1" l="1"/>
  <c r="E398" i="1"/>
</calcChain>
</file>

<file path=xl/sharedStrings.xml><?xml version="1.0" encoding="utf-8"?>
<sst xmlns="http://schemas.openxmlformats.org/spreadsheetml/2006/main" count="1590" uniqueCount="1143">
  <si>
    <t>Authority</t>
  </si>
  <si>
    <t>Registration Mask</t>
  </si>
  <si>
    <t>Explanation</t>
  </si>
  <si>
    <t>Example(s)</t>
  </si>
  <si>
    <t>Aegean Islands</t>
  </si>
  <si>
    <t>^EL\d{9}$</t>
  </si>
  <si>
    <t>EL followed by nine digits.</t>
  </si>
  <si>
    <t>EL123456789</t>
  </si>
  <si>
    <t>Albania</t>
  </si>
  <si>
    <t>^(J|K|L)\d{8}[A-Z]$</t>
  </si>
  <si>
    <t>J, K or L followed by eight digits followed by one capitalized letter (A thru Z).</t>
  </si>
  <si>
    <t>J12345678A; K12345678B; L12345678Z</t>
  </si>
  <si>
    <t>Algeria</t>
  </si>
  <si>
    <t>^\d{15}$</t>
  </si>
  <si>
    <t>Fifteen digits.</t>
  </si>
  <si>
    <t>Andorra</t>
  </si>
  <si>
    <t>^\w\-?\d{6}\-?\w$</t>
  </si>
  <si>
    <t xml:space="preserve">One alphanumeric character followed by an optional dash followed by six digits followed by an optional dash followed by one alphanumeric character. </t>
  </si>
  <si>
    <t>A123456B:  A-123456B;     A123456-B 
A-123456-B</t>
  </si>
  <si>
    <t>Andorra IGI</t>
  </si>
  <si>
    <t>One alphanumeric character followed by an optional dash followed by six digits followed by an optional dash followed by one alphanumeric character.</t>
  </si>
  <si>
    <t>A123456B:   A-123456B;   A123456-B
 A-123456-B</t>
  </si>
  <si>
    <t>Angola</t>
  </si>
  <si>
    <t>^\d{10}$</t>
  </si>
  <si>
    <t>Ten digits.</t>
  </si>
  <si>
    <t>Angola Export</t>
  </si>
  <si>
    <t>Angola VAT</t>
  </si>
  <si>
    <t>Antigua and Barbuda</t>
  </si>
  <si>
    <t>^\d{7}$</t>
  </si>
  <si>
    <t>Seven digits.</t>
  </si>
  <si>
    <t>Argentina</t>
  </si>
  <si>
    <t>^\d{11}$|^\d{2}\-\d{8}\-\d{1}$</t>
  </si>
  <si>
    <t>Eleven digits; OR two digits followed by a dash followed by eight digits followed by a dash followed by one digit.</t>
  </si>
  <si>
    <t>12345678901; 12-12345678-1</t>
  </si>
  <si>
    <t>Argentina Impuestos Internos</t>
  </si>
  <si>
    <t>Argentina Buenos Aires GIT</t>
  </si>
  <si>
    <t>^\d{3}\-\d{6}\-\d$|^\d{10}$</t>
  </si>
  <si>
    <t>Three digits followed by a dash followed by six digits followed by a dash followed by a digit; OR ten digits.</t>
  </si>
  <si>
    <t>123-123456-1; 1234567891</t>
  </si>
  <si>
    <t>Argentina Capital Federal GIT</t>
  </si>
  <si>
    <t>Three digits followed by a dash followed by six digits followed by a dash followed by a digit; OR ten digits; OR 6 or 7 digits followed by a dash followed by two digits.</t>
  </si>
  <si>
    <t>123-123456-1; 1234567891;</t>
  </si>
  <si>
    <t>123456-12</t>
  </si>
  <si>
    <t>1234567-12</t>
  </si>
  <si>
    <t>Argentina Catamarca GIT</t>
  </si>
  <si>
    <t>Argentina Chaco GIT</t>
  </si>
  <si>
    <t>Argentina Chubut GIT</t>
  </si>
  <si>
    <t>Argentina Cordoba GIT</t>
  </si>
  <si>
    <t>Argentina Corrientes GIT</t>
  </si>
  <si>
    <t>Argentina Entre Rios GIT</t>
  </si>
  <si>
    <t>Argentina Formosa GIT</t>
  </si>
  <si>
    <t>Argentina Jujuy GIT</t>
  </si>
  <si>
    <t>Argentina La Pampa GIT</t>
  </si>
  <si>
    <t>Argentina La Rioja GIT</t>
  </si>
  <si>
    <t>Argentina Mendoza GIT</t>
  </si>
  <si>
    <t>Argentina Misiones GIT</t>
  </si>
  <si>
    <t>Argentina Neuquen GIT</t>
  </si>
  <si>
    <t>Argentina Percepcion</t>
  </si>
  <si>
    <t>^\d{2}\-\d{7}\-\d{2}$|^\d{11}$|^\d{2}\-\d{8}\-\d{1}$</t>
  </si>
  <si>
    <t>Two digits followed by a dash followed by seven digits followed by a dash followed by two digits; OR eleven digits; OR two digits followed by a dash followed by eight digits followed by a dash followed by one digit.</t>
  </si>
  <si>
    <t>12-1234567-12; 12345678901; 12-12345678-1</t>
  </si>
  <si>
    <t>Argentina Rio Negro GIT</t>
  </si>
  <si>
    <t>Argentina Salta GIT</t>
  </si>
  <si>
    <t>Argentina San Juan GIT</t>
  </si>
  <si>
    <t>Argentina San Luis GIT</t>
  </si>
  <si>
    <t>Argentina Santa Cruz GIT</t>
  </si>
  <si>
    <t>Argentina Santa Fe GIT</t>
  </si>
  <si>
    <t>Argentina Santiago del Estero GIT</t>
  </si>
  <si>
    <t>Argentina Surtax</t>
  </si>
  <si>
    <t>^\d{2}\-\d{7}\-\d{2}$|^\d{11}$</t>
  </si>
  <si>
    <t>Two digits followed by a dash followed by seven digits followed by a dash followed by two digits; OR eleven digits.</t>
  </si>
  <si>
    <t>12-1234567-12; 12345678912</t>
  </si>
  <si>
    <t>Argentina Tierra del Fuego GIT</t>
  </si>
  <si>
    <t>Argentina Tucuman GIT</t>
  </si>
  <si>
    <t>Armenia</t>
  </si>
  <si>
    <t>^\d{8}$</t>
  </si>
  <si>
    <t>Eight digits.</t>
  </si>
  <si>
    <t>Aruba</t>
  </si>
  <si>
    <t>Aruba Health Tax</t>
  </si>
  <si>
    <t>Australia</t>
  </si>
  <si>
    <t>^((ABN)\s)?\d{2}\s\d{3}\s\d{3}\s\d{3}(\s\d{3})?$|^(ABN)?\d{11}(\d{3})?$|^(ARN)?\d{12}$</t>
  </si>
  <si>
    <t>Optional ABN followed by an optional space followed by two digits followed by a space followed by three digits followed by a space followed by three digits followed by a space followed by three digits followed by an optional space followed by a optional three digits; OR
Optional ABN followed by eleven digits followed by optional three digits; OR
Optional ARN followed by twelve digits.</t>
  </si>
  <si>
    <t>ABN 12 123 123 123; 12 123 123 123; ABN12123123123; 12123123123; ABN 12 123 123 123 001; ABN12123123123001; ARN123123123123; 123123123123</t>
  </si>
  <si>
    <t>Austria</t>
  </si>
  <si>
    <t>^ATU\d{8}$|^AT U\d{8}$|^\d{2}\s\d{3}\/\d{4}$|^EU|^IM</t>
  </si>
  <si>
    <t>ATU followed by eight digits; OR AT U followed by eight digits; OR two digits followed by a space followed by three digits followed by a slash followed by four digits; OR EU; OR IM.</t>
  </si>
  <si>
    <t>ATU12345678; AT U12345678; 12 345/6789; EU; IM</t>
  </si>
  <si>
    <t>Austria Domestic Reverse Charge</t>
  </si>
  <si>
    <t>^ATU\d{8}$|^AT U\d{8}$|^\d{2}\s\d{3}\/\d{4}$|^EU</t>
  </si>
  <si>
    <t>ATU followed by eight digits; OR AT U followed by eight digits; OR two digits followed by a space followed by three digits followed by a slash followed by four digits; OR EU.</t>
  </si>
  <si>
    <t>ATU12345678; AT U12345678; 12 345/6789; EU</t>
  </si>
  <si>
    <t>Austria Private Copy Levy</t>
  </si>
  <si>
    <t>Azerbaijan</t>
  </si>
  <si>
    <t>^\d{4}|^\d{10}</t>
  </si>
  <si>
    <t>Four digits; OR ten digits.</t>
  </si>
  <si>
    <t>1234; 1234567890</t>
  </si>
  <si>
    <t>Bahamas</t>
  </si>
  <si>
    <t>^\d{9}$</t>
  </si>
  <si>
    <t>Nine digits</t>
  </si>
  <si>
    <t>Bahrain</t>
  </si>
  <si>
    <t>^2\d{14}$</t>
  </si>
  <si>
    <t>2 followed by 14 digits</t>
  </si>
  <si>
    <t>Barbados</t>
  </si>
  <si>
    <t>^\d{8}$|^\d{13}$</t>
  </si>
  <si>
    <t>Eight digits or Thirteen digits.</t>
  </si>
  <si>
    <t>12345678; 1234567890123</t>
  </si>
  <si>
    <t>Belgium</t>
  </si>
  <si>
    <t>Belgium Domestic Reverse Charge</t>
  </si>
  <si>
    <t>Belgium Private Copy Levy</t>
  </si>
  <si>
    <t>Belgium Recycling Fees</t>
  </si>
  <si>
    <t>Belize</t>
  </si>
  <si>
    <t>^\d{1,6}$</t>
  </si>
  <si>
    <t>One to six digits.</t>
  </si>
  <si>
    <t>1; 12; 123; 1324; 12345; 123456</t>
  </si>
  <si>
    <t>Belarus</t>
  </si>
  <si>
    <t>Nine digits.</t>
  </si>
  <si>
    <t>Bolivia</t>
  </si>
  <si>
    <t>^\d{2}\s\d{3}\s\d{2}$|^\d{7,11}$</t>
  </si>
  <si>
    <t>Two digits followed by a space followed by three digits followed by a space followed by two digits; OR seven to eleven digits.</t>
  </si>
  <si>
    <t>12 123 12; 1234567; 12345678; 123456789;1234567890; 12345678901</t>
  </si>
  <si>
    <t>Botswana</t>
  </si>
  <si>
    <t>^[A-Z]\d{9}|^BW\d{11}|^CO\d{3}/\d{4}</t>
  </si>
  <si>
    <t>A capitalized letter A – Z followed by nine digits followed by any characters; OR BW followed by eleven digits followed by any characters; OR CO followed by three digits followed by a front slash followed by four digits followed by any characters.</t>
  </si>
  <si>
    <t>P123456789; C123456789012; BW12345678901; CO123/1234</t>
  </si>
  <si>
    <t>Bosnia and Herzegovina</t>
  </si>
  <si>
    <t>^\d{12}$</t>
  </si>
  <si>
    <t>Twelve digits.</t>
  </si>
  <si>
    <t>Brazil COFINS</t>
  </si>
  <si>
    <t>^\d{14}$|^\d{2}\.\d{3}\.\d{3}\/\d{4}\-\d{2}$</t>
  </si>
  <si>
    <t>Fourteen digits; OR two digits followed by a period followed by three digits followed by a period followed by three digits followed by a front slash followed by four digits followed by a dash followed by two digits.</t>
  </si>
  <si>
    <t>12345678901234; 12.123.123/1234-12</t>
  </si>
  <si>
    <t>Brazil COFINS Auto Withholding</t>
  </si>
  <si>
    <t>Brazil COFINS-ST</t>
  </si>
  <si>
    <t>Brazil COFINS Withholding</t>
  </si>
  <si>
    <t>Brazil CSLL Withholding</t>
  </si>
  <si>
    <t>Brazil ICMS Acre</t>
  </si>
  <si>
    <t>Brazil ICMS Alagoas</t>
  </si>
  <si>
    <t>Brazil ICMS Amapa</t>
  </si>
  <si>
    <t>Brazil ICMS Amazonas</t>
  </si>
  <si>
    <t>^\d{2}\.\d{3}\.\d{3}\-\d{1}$|^\d{9}$</t>
  </si>
  <si>
    <t>Two digits followed by a period followed by three digits followed by a period followed by three digits followed by a dash followed by one digit; OR nine digits.</t>
  </si>
  <si>
    <t>12.123.123-1; 123456789</t>
  </si>
  <si>
    <t>Brazil ICMS Bahia</t>
  </si>
  <si>
    <t>^\d{6}\-\d{2}$|^\d{8}$|^\d{7}\-\d{2}$|^\d{9}$</t>
  </si>
  <si>
    <t>Six digits followed by a dash followed by two digits; OR eight digits; OR seven digits followed by a dash followed by two digits; OR nine digits.</t>
  </si>
  <si>
    <t>123456-12; 12345678; 1234567-12; 123456789</t>
  </si>
  <si>
    <t>Brazil ICMS Ceara</t>
  </si>
  <si>
    <t>^\d{8}\-\d{1}$|^\d{9}$</t>
  </si>
  <si>
    <t>Eight digits followed by a dash followed by one digit; OR nine digits.</t>
  </si>
  <si>
    <t>12345678-9; 123456789</t>
  </si>
  <si>
    <t>Brazil ICMS Distrito Federal</t>
  </si>
  <si>
    <t>Brazil ICMS Espirito Santo</t>
  </si>
  <si>
    <t>Brazil ICMS Goias</t>
  </si>
  <si>
    <t>Brazil ICMS Maranhao</t>
  </si>
  <si>
    <t>Brazil ICMS Mato Grosso</t>
  </si>
  <si>
    <t>^(\d{10}|\d{8})-\d{1}$|^\d{11}$|^\d{9}$</t>
  </si>
  <si>
    <t>Ten digits followed by a dash followed by one digit; OR eight digits followed by a dash followed by one digit; OR eleven digits; OR nine digits.</t>
  </si>
  <si>
    <t>1234567890-1; 12345678-9; 12345678901; 123456789</t>
  </si>
  <si>
    <t>Brazil ICMS Mato Grosso do Sul</t>
  </si>
  <si>
    <t>Brazil ICMS Minas Gerais</t>
  </si>
  <si>
    <t>^\d{3}\.\d{3}\.\d{3}\/\d{4}$|^\d{13}$</t>
  </si>
  <si>
    <t>Three digits followed by a period followed by three digits followed by a period followed by a forward slash followed by four digits; OR thirteen digits.</t>
  </si>
  <si>
    <t>123.123.123/1234; 1234567890123</t>
  </si>
  <si>
    <t>Brazil ICMS Para</t>
  </si>
  <si>
    <t>Brazil ICMS Paraiba</t>
  </si>
  <si>
    <t>12345678-1; 123456789</t>
  </si>
  <si>
    <t>Brazil ICMS Parana</t>
  </si>
  <si>
    <t>^\d{8}\-\d{2}$|^\d{10}$</t>
  </si>
  <si>
    <t>Eight digits followed by a dash followed by two digits; OR ten digits.</t>
  </si>
  <si>
    <t>12345678-90; 1234567890</t>
  </si>
  <si>
    <t>Brazil ICMS Pernambuco</t>
  </si>
  <si>
    <t>^\d{7}\-\d{2}$|^\d{9}$</t>
  </si>
  <si>
    <t>Seven digits followed by a mandatory dash followed by two digits OR nine digits.</t>
  </si>
  <si>
    <t>1234567-89; 123456789</t>
  </si>
  <si>
    <t>Brazil ICMS Piaui</t>
  </si>
  <si>
    <t>Brazil ICMS Repasse</t>
  </si>
  <si>
    <t>Brazil ICMS Rio Grande do Norte</t>
  </si>
  <si>
    <t>Brazil ICMS Rio Grande do Sul</t>
  </si>
  <si>
    <t>^\d{3}\/\d{7}$|^\d{10}$</t>
  </si>
  <si>
    <t>Three digits followed by a forward slash followed by seven digits; OR ten digits.</t>
  </si>
  <si>
    <t>123/4567890; 1234567890</t>
  </si>
  <si>
    <t>Brazil ICMS Rio de Janeiro</t>
  </si>
  <si>
    <t>^\d{2}\.\d{3}\.\d{2}\-\d{1}$|^\d{8}$</t>
  </si>
  <si>
    <t>Two digits followed by a period followed by three digits followed by a period followed by two digits followed by a dash followed by one digit; OR eight digits.</t>
  </si>
  <si>
    <t>12.123.12-1; 12345678</t>
  </si>
  <si>
    <t>Brazil ICMS Rondonia</t>
  </si>
  <si>
    <t>^\d{13}\-\d{1}$|^\d{14}$</t>
  </si>
  <si>
    <t>Thirteen digits followed by a dash followed by one digit; OR fourteen digits.</t>
  </si>
  <si>
    <t>1234567890123-4; 12345678901234</t>
  </si>
  <si>
    <t>Brazil ICMS Roraima</t>
  </si>
  <si>
    <t>Brazil ICMS Santa Catarina</t>
  </si>
  <si>
    <t>^\d{3}\.\d{3}\.\d{3}$|^\d{9}$</t>
  </si>
  <si>
    <t>Three digits followed by a period followed by three digits followed by a period followed by three digits; OR nine digits.</t>
  </si>
  <si>
    <t>123.123.123; 123456789</t>
  </si>
  <si>
    <t>Brazil ICMS Sao Paulo</t>
  </si>
  <si>
    <t>^\d{3}\.\d{3}\.\d{3}\.\d{3}$|^\d{12}$</t>
  </si>
  <si>
    <t>Three digits followed by a period followed by three digits followed by a period followed by three digits followed by a period followed by three digits; OR twelve digits.</t>
  </si>
  <si>
    <t>123.123.123.123; 123456789012</t>
  </si>
  <si>
    <t>Brazil ICMS Sergipe</t>
  </si>
  <si>
    <t>Brazil ICMS Tocantins</t>
  </si>
  <si>
    <t>^\d{11}$|^\d{9}$</t>
  </si>
  <si>
    <t>Eleven digits OR nine digits.</t>
  </si>
  <si>
    <t>12345678901;</t>
  </si>
  <si>
    <t>Brazil INSS Withholding</t>
  </si>
  <si>
    <t>Brazil IPI</t>
  </si>
  <si>
    <t>Brazil IRRF Withholding</t>
  </si>
  <si>
    <t>Brazil ISS Cotia</t>
  </si>
  <si>
    <t>^\d{2}\.\d{3}\.\d{3}\/\d{4}\-\d{2}$</t>
  </si>
  <si>
    <t>Two digits followed by a period followed by three digits followed by a period followed by three digits followed by a front slash followed by four digits followed by a dash followed by two digits.</t>
  </si>
  <si>
    <t>12.123.123/1234-12</t>
  </si>
  <si>
    <t>Brazil ISS Jaguariuna</t>
  </si>
  <si>
    <t>Brazil ISS Natal</t>
  </si>
  <si>
    <t>Brazil ISS Niteroi</t>
  </si>
  <si>
    <t>Brazil ISS Poa</t>
  </si>
  <si>
    <t>Brazil ISS Sao Caetano do Sul</t>
  </si>
  <si>
    <t>^\d{2}\.\d{3}\.\d{3}\/\d{4}\-\d{2}|^\d{5}$</t>
  </si>
  <si>
    <t>Two digits followed by a period followed by three digits followed by a period followed by three digits followed by a front slash followed by four digits followed by a dash followed by two digits; OR five digits.</t>
  </si>
  <si>
    <t>12.123.123/1234-12; 12345</t>
  </si>
  <si>
    <t>Brazil ISS Sao Jose dos Campos</t>
  </si>
  <si>
    <t>Brazil ISS Uberlandia</t>
  </si>
  <si>
    <t>Brazil PIS</t>
  </si>
  <si>
    <t>Brazil PIS Auto Withholding</t>
  </si>
  <si>
    <t>Brazil PIS-ST</t>
  </si>
  <si>
    <t>Brazil PIS Withholding</t>
  </si>
  <si>
    <t>British Columbia</t>
  </si>
  <si>
    <t>^R\d{6}$|^(PST\-)?\d{4}\-\d{4}$</t>
  </si>
  <si>
    <t>R followed by six digits; or PST followed by a dash (optional) followed by four digits followed by a dash followed by four digits.</t>
  </si>
  <si>
    <t>R123456;</t>
  </si>
  <si>
    <t>PST-1234-5678 or 1234-5678</t>
  </si>
  <si>
    <t>British Columbia Fees</t>
  </si>
  <si>
    <t>R123456; PST-1234-5678 or 1234-5678</t>
  </si>
  <si>
    <t>British Columbia HST</t>
  </si>
  <si>
    <t>^\d{9}(RT(\d{4})?)?$|^\d{9}RR\d{4}$</t>
  </si>
  <si>
    <t>Nine digits followed by an optional RT followed by an optional four digits (the last four optional digits will not be used without the RT); OR nine digits followed by RR and four digits.</t>
  </si>
  <si>
    <t>123456789; 123456789RT: 123456789RT1234; 123456789RR1234</t>
  </si>
  <si>
    <t>Bulgaria</t>
  </si>
  <si>
    <t>^\d{9,10}$|^BG\d{9,10}$|^EU|^IM</t>
  </si>
  <si>
    <t>Nine or ten digits; OR BG followed by nine or ten digits; OR EU; OR IM.</t>
  </si>
  <si>
    <t>123456789; 1234567890; BG123456789; BG1234567890; EU; IM</t>
  </si>
  <si>
    <t>Bulgaria Domestic Reverse Charge</t>
  </si>
  <si>
    <t>^\d{9,10}$|^BG\d{9,10}$|^EU</t>
  </si>
  <si>
    <t>Nine or ten digits; OR BG followed by nine or ten digits; OR EU.</t>
  </si>
  <si>
    <t>123456789; 1234567890; BG123456789; BG1234567890; EU</t>
  </si>
  <si>
    <t>CA - Credit</t>
  </si>
  <si>
    <t>Cambodia</t>
  </si>
  <si>
    <t>Cameroon</t>
  </si>
  <si>
    <t>^[A-Z]{1}\d{12}[A-Z]{1}$</t>
  </si>
  <si>
    <t>One letter A-Z followed by twelve numbers, and one letter A-Z at the end.</t>
  </si>
  <si>
    <t>A123456789000A</t>
  </si>
  <si>
    <t>Canada</t>
  </si>
  <si>
    <t>Canary Islands</t>
  </si>
  <si>
    <t>^ES[A-Z0-9]\d{7}[A-Z0-9]$|^EU</t>
  </si>
  <si>
    <t>ES followed by one capital letter or one digit followed by seven digits and one capital letter or one digit; OR EU.</t>
  </si>
  <si>
    <t>ESA1234567A; ES11234567A; ESA12345671; ES112345671; EU</t>
  </si>
  <si>
    <t>Cape Verde</t>
  </si>
  <si>
    <t>^(CV)?\d{9}$</t>
  </si>
  <si>
    <t>Optional CV followed by nine digits.</t>
  </si>
  <si>
    <t>123456789; CV123456789</t>
  </si>
  <si>
    <t>Chad</t>
  </si>
  <si>
    <t>^\d{3}\s\d{2}\s\d{2}\s\w{1}$|^\d{7}\s\w{1}$</t>
  </si>
  <si>
    <t xml:space="preserve">Three digits followed by a space followed by two digits followed by a space followed by two digits followed by a space followed by one alpha-numeric character; OR seven digits followed by a space followed by any alpha-numeric character. </t>
  </si>
  <si>
    <t>123 12 12 A; 123 12 12 a; 123 12 12 1; 1234567 A; 1234567 a; 1234567 1</t>
  </si>
  <si>
    <t>Chile</t>
  </si>
  <si>
    <t>^\d{2}[.]?\d{3}[.]?\d{3}\-[0-9|K]$|^\d{6,8}\-[0-9|K]$</t>
  </si>
  <si>
    <t>Two digits followed by an optional period followed by three digits followed by an optional period followed by three digits followed by a dash followed by one digit (0-9) or a K; OR Six to eight digits followed by  a dash followed by one digit (0-9) or a K.</t>
  </si>
  <si>
    <t>12.123.123-1; 12.123.123-K; 12123.123-1; 12123.123-K; 12.123123-1; 12.123123-K; 12123123-1; 12123123-K
123456-1; 123456-K;
1234567-1; 1234567-K;
12345678-1; 12345678-K</t>
  </si>
  <si>
    <t>China</t>
  </si>
  <si>
    <t>^\w{3}\s?\w{3}(\s?\w{3}\s?\w{3}\s?\w{3}|\w{12}|\w{14})$</t>
  </si>
  <si>
    <t>Three alpha-numeric characters followed by an optional space followed by three alpha-numeric characters followed by an optional space followed by three alpha-numeric characters followed by an optional space followed by three alpha-numeric characters followed by an optional space followed by three alpha-numeric characters; OR three alpha-numeric characters followed by an optional space followed by three alpha-numeric characters followed by twelve alpha-numeric characters; OR three digits followed by an optional space followed by three digits followed by fourteen alpha-numeric characters.</t>
  </si>
  <si>
    <t>123 123 abc abc abc; 123123 abc abc abc; 123123abc abc abc; 123123abcabc abc; 123123abcabcabc; 123 123abcabcabc; 123 123 abcabcabc; 123 123 abc abcabc; 123 123abcdefghijkl; 123123abcdefghijkl; 123 123abcdefghijklmn; 123123abcdefghijklmn; abcdefghijklmnopqr;</t>
  </si>
  <si>
    <t>China Business Tax</t>
  </si>
  <si>
    <t>Colombia</t>
  </si>
  <si>
    <t>^\d{3}\.\d{3}\.\d{3}\-\d{1}$|^\d{6,11}</t>
  </si>
  <si>
    <t>Three digits followed by a period followed by three digits followed by a period followed by three digits followed by a dash followed by one digit; OR six to eleven digits.</t>
  </si>
  <si>
    <t>123.123.123-1; 123456; 1234567; 12345678; 123456789; 1234567890; 12345678901</t>
  </si>
  <si>
    <t>Colombia Free Trade Zone (San Andres y Providencia)</t>
  </si>
  <si>
    <t>^\d{3}\.\d{3}\.\d{3}\-\d{1}$</t>
  </si>
  <si>
    <t>Three digits followed by a period followed by three digits followed by a period followed by a dash followed by one digit.</t>
  </si>
  <si>
    <t>123.123.123-1</t>
  </si>
  <si>
    <t>Congo, The Democratic Republic of The</t>
  </si>
  <si>
    <t>^A\d{7}[A-Z]$</t>
  </si>
  <si>
    <t>A capitalized “A” followed by seven digits followed by a capitalized letter A – Z.</t>
  </si>
  <si>
    <t>A1234567A</t>
  </si>
  <si>
    <t>Corsica</t>
  </si>
  <si>
    <t>^FR[A-Z0-9]{2}\d{9}$</t>
  </si>
  <si>
    <t>FR followed by any two capitalized letters or numbers 0 - 9 followed by nine digits.</t>
  </si>
  <si>
    <t>FRAA123456789; FRA1123456789; FR11123456789; FR1A123456789</t>
  </si>
  <si>
    <t>Costa Rica</t>
  </si>
  <si>
    <t>^\d{1}\-\d{3}\-\d{6}\-\d{2}$|^\d{12}$|^\d{1}\-\d{3}\-\d{6}$|^\d{10}$</t>
  </si>
  <si>
    <t>One digit followed by a dash followed by three digits followed by a dash followed by six digits followed by a dash followed by two digits; OR twelve digits OR one digit followed by a dash followed by three digits followed by a dash followed by six digits; OR ten digits.</t>
  </si>
  <si>
    <t>1-123-123456-12; 123456789012; 1-123-123456; 1234567890</t>
  </si>
  <si>
    <t>Cote D Ivoire</t>
  </si>
  <si>
    <t>^\d{7}[A-Z]$</t>
  </si>
  <si>
    <t>Seven digits followed by capitalized letter A – Z.</t>
  </si>
  <si>
    <t>1234567A</t>
  </si>
  <si>
    <t>Croatia</t>
  </si>
  <si>
    <t>^(HR)?\d{11}$|^EU|^IM</t>
  </si>
  <si>
    <t>Optional HR followed by eleven digits; OR EU; OR IM.</t>
  </si>
  <si>
    <t>12345678901; HR12345678912; EU; IM</t>
  </si>
  <si>
    <t>Croatia Domestic Reverse Charge</t>
  </si>
  <si>
    <t>^(HR)?\d{11}$|^EU</t>
  </si>
  <si>
    <t>Optional HR followed by eleven digits; OR EU.</t>
  </si>
  <si>
    <t>12345678901; HR12345678912; EU</t>
  </si>
  <si>
    <t>Croatia Private Copy Levy</t>
  </si>
  <si>
    <t>Curacao</t>
  </si>
  <si>
    <t>^\d{3}.\d{3}.\d{3}$|^\d{9}$</t>
  </si>
  <si>
    <t>Three digits followed by a period followed by three digits followed by a period followed by three digits OR nine digits</t>
  </si>
  <si>
    <t>Cyprus</t>
  </si>
  <si>
    <t>^CY\d{8}[A-Z]$|^EU|^IM</t>
  </si>
  <si>
    <t>CY followed by eight digits followed by one capitalized letter A-Z; OR EU; OR IM.</t>
  </si>
  <si>
    <t>CY12345678A; EU; IM</t>
  </si>
  <si>
    <t>Cyprus Domestic Reverse Charge</t>
  </si>
  <si>
    <t>^CY\d{8}[A-Z]$|^EU</t>
  </si>
  <si>
    <t>CY followed by eight digits followed by one capitalized letter A-Z; OR EU.</t>
  </si>
  <si>
    <t>CY12345678A; EU</t>
  </si>
  <si>
    <t>Czech Republic</t>
  </si>
  <si>
    <t>^CZ\d{8}$|^CZ\d{9}$|^CZ\d{10}$|^EU|^IM</t>
  </si>
  <si>
    <t>CZ followed by eight digits; OR CZ followed by nine digits; OR CZ followed by ten digits; OR EU; OR IM.</t>
  </si>
  <si>
    <t>CZ12345678; CZ123456789; CZ1234567890; EU; IM</t>
  </si>
  <si>
    <t>Czech Republic Domestic Reverse Charge</t>
  </si>
  <si>
    <t>^CZ\d{8}$|^CZ\d{9}$|^CZ\d{10}$|^EU</t>
  </si>
  <si>
    <t>CZ followed by eight digits; OR CZ followed by nine digits; OR CZ followed by ten digits; OR EU.</t>
  </si>
  <si>
    <t>CZ12345678; CZ123456789; CZ1234567890; EU</t>
  </si>
  <si>
    <t>Czech Republic Recycling Fees</t>
  </si>
  <si>
    <t>Denmark</t>
  </si>
  <si>
    <t>^(DK)?\d{8}$|^EU|^IM</t>
  </si>
  <si>
    <t>An optional DK followed by eight digits; OR EU; OR IM.</t>
  </si>
  <si>
    <t>DK12345678; 12345678; EU; IM</t>
  </si>
  <si>
    <t>Denmark Domestic Reverse Charge</t>
  </si>
  <si>
    <t>^(DK)?\d{8}$|^EU</t>
  </si>
  <si>
    <t>An optional DK followed by eight digits; OR EU.</t>
  </si>
  <si>
    <t>DK12345678; 12345678; EU</t>
  </si>
  <si>
    <t>Denmark Private Copy Levy</t>
  </si>
  <si>
    <t>Dominica</t>
  </si>
  <si>
    <t>^0?\d{7}$</t>
  </si>
  <si>
    <t>An optional 0 followed by seven digits.</t>
  </si>
  <si>
    <t>01234567; 1234567</t>
  </si>
  <si>
    <t>Dominican Republic</t>
  </si>
  <si>
    <t>^(\d{9}|\d{11})$</t>
  </si>
  <si>
    <t>Nine digits; OR eleven digits.</t>
  </si>
  <si>
    <t>123456789; 12345678901</t>
  </si>
  <si>
    <t>Ecuador</t>
  </si>
  <si>
    <t>^\d{13}$</t>
  </si>
  <si>
    <t>Thirteen digits.</t>
  </si>
  <si>
    <t>Egypt</t>
  </si>
  <si>
    <t>^(EG)?\d{3}-?\d{3}-?\d{2,3}$|^\d{1}\-\d{5}\-\d{3}\-\d{2}\-\d{2}$</t>
  </si>
  <si>
    <t>Optional EG followed by three digits followed by an optional dash followed by three digits followed by an optional dash followed by two or three digits; OR one digit followed by a dash followed by five digits followed by a dash followed by three digits followed by a dash followed by two digits followed by a dash followed by two digits.</t>
  </si>
  <si>
    <t>12312312; 123123123; EG12312312; EG123123123; 123123123; EG123-123-12; EG123-123-12; EG123-123-123; 123-123-123; EG123456-12; 123456-12;  EG123456-123; 123456-123; EG123-12345; 123-12345; EG123-123456; 1-12345-123-12-12</t>
  </si>
  <si>
    <t>El Salvador</t>
  </si>
  <si>
    <t>^(\d{7}|\d{14})$</t>
  </si>
  <si>
    <t>Seven digits; OR fourteen digits.</t>
  </si>
  <si>
    <t>1234567; 12345678901234</t>
  </si>
  <si>
    <t>Equatorial Guinea</t>
  </si>
  <si>
    <t>^\d{5}\-?[A-Z]?\-\d{2}$</t>
  </si>
  <si>
    <t>Five Digits dash optional letter dash two digits</t>
  </si>
  <si>
    <t>12345-A-23</t>
  </si>
  <si>
    <t>Estonia</t>
  </si>
  <si>
    <t>^EE\d{9}$|^EU|^IM</t>
  </si>
  <si>
    <t>EE followed by nine digits; OR EU; OR IM.</t>
  </si>
  <si>
    <t>EE123456789; EU; IM</t>
  </si>
  <si>
    <t>Estonia Domestic Reverse Charge</t>
  </si>
  <si>
    <t>^EE\d{9}$|^EU</t>
  </si>
  <si>
    <t>EE followed by nine digits; OR EU.</t>
  </si>
  <si>
    <t>EE123456789; EU</t>
  </si>
  <si>
    <t>Fiji</t>
  </si>
  <si>
    <t>^\d{2}-\d{5}-\d{1}-\d{1}$|^\d{9}$</t>
  </si>
  <si>
    <t>Two digits followed by a dash followed by five digits followed by a dash followed by one digit followed by a dash followed by one digit; OR nine digits.</t>
  </si>
  <si>
    <t>12-12345-1-1; 123456789</t>
  </si>
  <si>
    <t>Finland</t>
  </si>
  <si>
    <t>^(FI)?\d{8}$|^EU|^IM</t>
  </si>
  <si>
    <t>An optional FI followed by eight digits; OR EU; OR IM.</t>
  </si>
  <si>
    <t>FI12345678; 12345678; EU; IM</t>
  </si>
  <si>
    <t>Finland Domestic Reverse Charge</t>
  </si>
  <si>
    <t>^(FI)?\d{8}$|^EU</t>
  </si>
  <si>
    <t>An optional FI followed by eight digits; OR EU.</t>
  </si>
  <si>
    <t>FI12345678; 12345678; EU</t>
  </si>
  <si>
    <t>Finland Private Copy Levy</t>
  </si>
  <si>
    <t>France</t>
  </si>
  <si>
    <t>^FR[A-Z0-9]{2}\d{9}$|^EU|^IM</t>
  </si>
  <si>
    <t>FR followed by any two capitalized letters or numbers 0 - 9 followed by nine digits; OR EU; OR IM.</t>
  </si>
  <si>
    <t>FRAA123456789; FRA1123456789; FR11123456789; FR1A123456789; EU; IM</t>
  </si>
  <si>
    <t>France Domestic Reverse Charge</t>
  </si>
  <si>
    <t>^FR[A-Z0-9]{2}\d{9}$|^EU</t>
  </si>
  <si>
    <t>FR followed by any two capitalized letters or numbers 0 - 9 followed by nine digits; OR EU.</t>
  </si>
  <si>
    <t>FRAA123456789; FRA1123456789; FR11123456789; FR1A123456789; EU</t>
  </si>
  <si>
    <t>France Private Copy Levy</t>
  </si>
  <si>
    <t>France Recycling Fees</t>
  </si>
  <si>
    <t>French Polynesia</t>
  </si>
  <si>
    <t>^[A-Z0-9]\d{5}((-\d{3})?)$</t>
  </si>
  <si>
    <t>One letter A - Z or number 0 - 9 followed by five digits followed by an option dash and three digits.</t>
  </si>
  <si>
    <t>A12345</t>
  </si>
  <si>
    <t>A12345-001</t>
  </si>
  <si>
    <t>112345-001</t>
  </si>
  <si>
    <t>Gabon</t>
  </si>
  <si>
    <t>^\d{6}\w$</t>
  </si>
  <si>
    <t>Six digits followed by one alpha-numeric character</t>
  </si>
  <si>
    <t>123456A</t>
  </si>
  <si>
    <t>Georgia</t>
  </si>
  <si>
    <t>Germany</t>
  </si>
  <si>
    <t>^DE\d{9}$|^\d{10}$|^\d{11}$|^\d{13}$|^EU|^IM</t>
  </si>
  <si>
    <t>DE followed by nine digits; OR 10 digits; OR 11 digits; OR 13 digits; OR EU; OR IM.</t>
  </si>
  <si>
    <t>DE123456789; 1234567890; 12345678901; 1234567890123; EU; IM</t>
  </si>
  <si>
    <t>Germany Domestic Reverse Charge</t>
  </si>
  <si>
    <t>^DE\d{9}$|^\d{10}$|^\d{11}$|^\d{13}$|^EU</t>
  </si>
  <si>
    <t>DE followed by nine digits; OR 10 digits; OR 11 digits; OR 13 digits; OR EU.</t>
  </si>
  <si>
    <t>DE123456789; 1234567890; 12345678901; 1234567890123; EU</t>
  </si>
  <si>
    <t>Germany Private Copy Levy</t>
  </si>
  <si>
    <t>Gambia</t>
  </si>
  <si>
    <t>Ghana</t>
  </si>
  <si>
    <t>^\d{​3}​\s[A-Z]{​1}​\s\d{​6}​$|^\d{​3}​[A-Z]{​1}​\d{​6}​|^[A-Z]\d{​10}​$|^[A-Z]\w{​10}​$</t>
  </si>
  <si>
    <t>Three digits followed by a space followed by one capitalized letter A - Z followed by a space followed by six digits; OR three digits followed by one capitalized letter A - Z followed by six digits; or one capital letter A-Z followed by ten alpha numeric characters.</t>
  </si>
  <si>
    <t>123 A 123456; 123A123456: A1234567890: P123456789X</t>
  </si>
  <si>
    <t>Ghana COVID-19 Health Recovery Levy</t>
  </si>
  <si>
    <t>Ghana National Health Insurance Levy</t>
  </si>
  <si>
    <t>Three digits followed by a space followed by one capitalized letter A - Z followed by a space followed by six digits; OR three digits followed by one capitalized letter A - Z followed by six digits, or one capital letter A-Z followed by ten alpha numeric characters.</t>
  </si>
  <si>
    <t>123 A 123456; 123A123456: P123456789X</t>
  </si>
  <si>
    <t>Greece</t>
  </si>
  <si>
    <t>^EL\d{9}$|^EU|^IM</t>
  </si>
  <si>
    <t>EL followed by nine digits; OR EU; OR IM.</t>
  </si>
  <si>
    <t>EL123456789; EU; IM</t>
  </si>
  <si>
    <t>Greece Domestic Reverse Charge</t>
  </si>
  <si>
    <t>^EL\d{9}$|^EU</t>
  </si>
  <si>
    <t>EL followed by nine digits; OR EU.</t>
  </si>
  <si>
    <t>EL123456789; EU</t>
  </si>
  <si>
    <t>Greece Private Copy Levy</t>
  </si>
  <si>
    <t>Greek Islands 2015</t>
  </si>
  <si>
    <t>Greek Islands 2016</t>
  </si>
  <si>
    <t>Greek Islands 2017</t>
  </si>
  <si>
    <t>Greek Islands January 2018</t>
  </si>
  <si>
    <t>Grenada</t>
  </si>
  <si>
    <t>^\d{6,7}$</t>
  </si>
  <si>
    <t>Six or seven digits</t>
  </si>
  <si>
    <t>123456; 1234567</t>
  </si>
  <si>
    <t>Guatemala</t>
  </si>
  <si>
    <t>^\d{1,7}(-)?[0-9K]$|^\d{9}$</t>
  </si>
  <si>
    <t>2 to 9 digits, the last character of which may be separated with an optional dash, may be a number or the capital letter “K”</t>
  </si>
  <si>
    <t>1-1; 11; 12-1; 121; 123-1; 1231; 1234-1; 12341; 12345-1; 123451; 123456-1; 1234561; 123456789;</t>
  </si>
  <si>
    <t>1234567-1; 12345671; 1234567K; 1234567-K</t>
  </si>
  <si>
    <t>Guyana</t>
  </si>
  <si>
    <t>^(0|1)\d{8}$</t>
  </si>
  <si>
    <t>0 or 1 followed by eight digits.</t>
  </si>
  <si>
    <t>012345678; 112345678</t>
  </si>
  <si>
    <t>Honduras</t>
  </si>
  <si>
    <t>^\d{14}$</t>
  </si>
  <si>
    <t>Fourteen digits.</t>
  </si>
  <si>
    <t>Hungary</t>
  </si>
  <si>
    <t>^HU\d{8}$|^\d{8}-\d-\d{2}$|^EU|^IM</t>
  </si>
  <si>
    <t>HU followed by eight digits OR eight digits followed by a dash followed by one digit followed by a dash followed by two digits; OR EU; OR IM.</t>
  </si>
  <si>
    <t>HU12345678; 12345678-1-12; EU; IM</t>
  </si>
  <si>
    <t>Hungary Domestic Reverse Charge</t>
  </si>
  <si>
    <t>^HU\d{8}$|^\d{8}-\d-\d{2}$|^EU</t>
  </si>
  <si>
    <t>HU followed by eight digits OR eight digits followed by a dash followed by one digit followed by a dash followed by two digits; OR EU.</t>
  </si>
  <si>
    <t>HU12345678; 12345678-1-12; EU</t>
  </si>
  <si>
    <t>Hungary Private Copy Levy</t>
  </si>
  <si>
    <t>Iceland</t>
  </si>
  <si>
    <t>^\d{5,6}$|^VSK\d{5,6}$</t>
  </si>
  <si>
    <t>Five or six digits; OR VSK followed by five or six digits.</t>
  </si>
  <si>
    <t>12345; 123456; VSK12345; VSK123456</t>
  </si>
  <si>
    <t>India Andaman and Nicobar Islands Central GST
India Andaman and Nicobar Islands Compensation Cess
India Andaman and Nicobar Islands Compensation Cess (Intrastate)
India Andaman and Nicobar Islands Integrated GST
India Andaman and Nicobar Islands Union Territory GST</t>
  </si>
  <si>
    <t>^35\w{13}$
^99\w{13}$</t>
  </si>
  <si>
    <t>India Andhra Pradesh Central GST
India Andhra Pradesh Compensation Cess
India Andhra Pradesh Compensation Cess (Intrastate)
India Andhra Pradesh Integrated GST
India Andhra Pradesh State GST</t>
  </si>
  <si>
    <t>India Arunachal Pradesh Central GST
India Arunachal Pradesh Compensation Cess
India Arunachal Pradesh Compensation Cess (Intrastate)
India Arunachal Pradesh Integrated GST
India Arunachal Pradesh State GST</t>
  </si>
  <si>
    <t>India Assam Central GST
India Assam Compensation Cess
India Assam Compensation Cess (Intrastate)
India Assam Integrated GST
India Assam State GST</t>
  </si>
  <si>
    <t>India Bihar Central GST
India Bihar Compensation Cess
India Bihar Compensation Cess (Intrastate)
India Bihar Integrated GST
India Bihar State GST</t>
  </si>
  <si>
    <t>India CENVAT</t>
  </si>
  <si>
    <t>^\w{5}\d{4}\w{1}\s?\w{2}\s?\d{3}$</t>
  </si>
  <si>
    <t>Five alpha-numeric characters followed by four digits followed by one alpha-numeric character followed by an optional space followed by two alpha-numeric characters followed by an optional space followed by three digits.</t>
  </si>
  <si>
    <t>abcde1234a ab 123; abcde1234aab 123; abcde1234a ab123; abcde1234aab123</t>
  </si>
  <si>
    <t>India Chandigarh Central GST
India Chandigarh Compensation Cess
India Chandigarh Compensation Cess (Intrastate)
India Chandigarh Integrated GST
India Chandigarh Union Territory GST</t>
  </si>
  <si>
    <t>India Chhattisgarh Central GST
India Chhattisgarh Compensation Cess
India Chhattisgarh Compensation Cess (Intrastate)
India Chhattisgarh Integrated GST
India Chhattisgarh State GST</t>
  </si>
  <si>
    <t>India Delhi Central GST
India Delhi Compensation Cess
India Delhi Compensation Cess (Intrastate)
India Delhi Integrated GST
India Delhi State GST</t>
  </si>
  <si>
    <t>India Education Cess</t>
  </si>
  <si>
    <t>India Education Cess Reverse Charge</t>
  </si>
  <si>
    <t>India Goa Central GST
India Goa Compensation Cess
India Goa Compensation Cess (Intrastate)
India Goa Integrated GST
India Goa State GST</t>
  </si>
  <si>
    <t>India Gujarat Central GST
India Gujarat Compensation Cess
India Gujarat Compensation Cess (Intrastate)
India Gujarat Integrated GST
India Gujarat State GST</t>
  </si>
  <si>
    <t>India Haryana Central GST
India Haryana Compensation Cess
India Haryana Compensation Cess (Intrastate)
India Haryana Integrated GST
India Haryana State GST</t>
  </si>
  <si>
    <t>India Higher Education Cess</t>
  </si>
  <si>
    <t>India Higher Education Cess Reverse Charge</t>
  </si>
  <si>
    <t>India Himachal Pradesh Central GST
India Himachal Pradesh Compensation Cess
India Himachal Pradesh Compensation Cess (Intrastate)
India Himachal Pradesh Integrated GST
India Himachal Pradesh State GST</t>
  </si>
  <si>
    <t>India Jammu and Kashmir Central GST
India Jammu and Kashmir Compensation Cess
India Jammu and Kashmir Compensation Cess (Intrastate)
India Jammu and Kashmir Integrated GST
India Jammu and Kashmir State GST</t>
  </si>
  <si>
    <t>India Jharkhand Central GST
India Jharkhand Compensation Cess
India Jharkhand Compensation Cess (Intrastate)
India Jharkhand Integrated GST
India Jharkhand State GST</t>
  </si>
  <si>
    <t>India Karnataka Central GST
India Karnataka Compensation Cess
India Karnataka Compensation Cess (Intrastate)
India Karnataka Integrated GST
India Karnataka State GST</t>
  </si>
  <si>
    <t>India Kerala Central GST
India Kerala Compensation Cess
India Kerala Compensation Cess (Intrastate)
India Kerala Flood Cess
India Kerala Integrated GST
India Kerala State GST</t>
  </si>
  <si>
    <t>India Krishi Kalyan Cess</t>
  </si>
  <si>
    <t xml:space="preserve"> ^[A-Z0-9]{10}\s?\w{2}\s?\d{3}$</t>
  </si>
  <si>
    <t>Ten letters A - Z or numbers 0 - 9 followed by an optional space followed by two alpha-numeric characters followed by an optional space followed by three digits.</t>
  </si>
  <si>
    <t>ABCDE1234A ab 123; ABCDE1234Aab 123; ABCDE1234A ab123; ABCDE1234Aab123</t>
  </si>
  <si>
    <t>India Krishi Kalyan Cess Reverse Charge</t>
  </si>
  <si>
    <t>India Lakshadweep Central GST
India Lakshadweep Compensation Cess
India Lakshadweep Compensation Cess (Intrastate)
India Lakshadweep Integrated GST
India Lakshadweep Union Territory GST</t>
  </si>
  <si>
    <t>India Madhya Pradesh Central GST
India Madhya Pradesh Compensation Cess
India Madhya Pradesh Compensation Cess (Intrastate)
India Madhya Pradesh Integrated GST
India Madhya Pradesh State GST</t>
  </si>
  <si>
    <t>India Maharashtra Central GST
India Maharashtra Compensation Cess
India Maharashtra Compensation Cess (Intrastate)
India Maharashtra Integrated GST
India Maharashtra State GST</t>
  </si>
  <si>
    <t>India Manipur Central GST
India Manipur Compensation Cess
India Manipur Compensation Cess (Intrastate)
India Manipur Integrated GST
India Manipur State GST</t>
  </si>
  <si>
    <t>India Meghalaya Central GST
India Meghalaya Compensation Cess
India Meghalaya Compensation Cess (Intrastate)
India Meghalaya Integrated GST
India Meghalaya State GST</t>
  </si>
  <si>
    <t>India Mizoram Central GST
India Mizoram Compensation Cess
India Mizoram Compensation Cess (Intrastate)
India Mizoram Integrated GST
India Mizoram State GST</t>
  </si>
  <si>
    <t>India Nagaland Central GST
India Nagaland Compensation Cess
India Nagaland Compensation Cess (Intrastate)
India Nagaland Integrated GST
India Nagaland State GST</t>
  </si>
  <si>
    <t>India Orissa Central GST
India Orissa Compensation Cess
India Orissa Compensation Cess (Intrastate)
India Orissa Integrated GST
India Orissa State GST</t>
  </si>
  <si>
    <t>India Puducherry Central GST
India Puducherry Compensation Cess
India Puducherry Compensation Cess (Intrastate)
India Puducherry Integrated GST
India Puducherry State GST</t>
  </si>
  <si>
    <t>India Punjab Central GST
India Punjab Compensation Cess
India Punjab Compensation Cess (Intrastate)
India Punjab Integrated GST
India Punjab State GST</t>
  </si>
  <si>
    <t>India Rajasthan Central GST
India Rajasthan Compensation Cess
India Rajasthan Compensation Cess (Intrastate)
India Rajasthan Integrated GST
India Rajasthan State GST</t>
  </si>
  <si>
    <t>India Service Tax</t>
  </si>
  <si>
    <t>India Service Tax Reverse Charge</t>
  </si>
  <si>
    <t>India Sikkim Central GST
India Sikkim Compensation Cess
India Sikkim Compensation Cess (Intrastate)
India Sikkim Integrated GST
India Sikkim State GST</t>
  </si>
  <si>
    <t>India Swachh Bharat Cess</t>
  </si>
  <si>
    <t>India Swachh Bharat Cess Reverse Charge</t>
  </si>
  <si>
    <t>India Tamil Nadu Central GST
India Tamil Nadu Compensation Cess
India Tamil Nadu Compensation Cess (Intrastate)
India Tamil Nadu Integrated GST
India Tamil Nadu State GST</t>
  </si>
  <si>
    <t>India Telangana Central GST
India Telangana Compensation Cess
India Telangana Compensation Cess (Intrastate)
India Telangana Integrated GST
India Telangana State GST</t>
  </si>
  <si>
    <t>India Tripura Central GST
India Tripura Compensation Cess
India Tripura Compensation Cess (Intrastate)
India Tripura Integrated GST
India Tripura State GST</t>
  </si>
  <si>
    <t>India Uttar Pradesh Central GST
India Uttar Pradesh Compensation Cess
India Uttar Pradesh Compensation Cess (Intrastate)
India Uttar Pradesh Integrated GST
India Uttar Pradesh State GST</t>
  </si>
  <si>
    <t>India Uttarakhand Central GST
India Uttarakhand Compensation Cess
India Uttarakhand Compensation Cess (Intrastate)
India Uttarakhand Integrated GST
India Uttarakhand State GST</t>
  </si>
  <si>
    <t>India West Bengal Central GST
India West Bengal Compensation Cess
India West Bengal Compensation Cess (Intrastate)
India West Bengal Integrated GST
India West Bengal State GST</t>
  </si>
  <si>
    <t>Indonesia</t>
  </si>
  <si>
    <t>Indonesia Luxury Tax</t>
  </si>
  <si>
    <t>Ireland</t>
  </si>
  <si>
    <t>^IE\d{7}[A-Z]{1,2}$|^IE\d[A-Z]\d{5}[A-Z]$|^IE\d\W\d{5}[A-Z]$|^EU|^IM</t>
  </si>
  <si>
    <t>IE followed by seven digits and one or two capitalized letters; OR IE followed by one digit followed by one capitalized letter followed by five digits and one capitalized letter; OR IE followed by one digit followed by one non-alphanumeric character (e.g. dash, decimal point, etc.) followed by five digits followed by one capitalized letter; OR EU; OR IM.</t>
  </si>
  <si>
    <t>IE1234567A; IE1234567AB; IE1A12345A; IE1-12345A; EU; IM</t>
  </si>
  <si>
    <t>Ireland Domestic Reverse Charge</t>
  </si>
  <si>
    <t>^IE\d{7}[A-Z]{1,2}$|^IE\d[A-Z]\d{5}[A-Z]$|^IE\d\W\d{5}[A-Z]$|^EU</t>
  </si>
  <si>
    <t>IE followed by seven digits and one or two capitalized letters; OR IE followed by one digit followed by one capitalized letter followed by five digits and one capitalized letter; OR IE followed by one digit followed by one non-alphanumeric character (e.g. dash, decimal point, etc.) followed by five digits followed by one capitalized letter; OR EU.</t>
  </si>
  <si>
    <t>IE1234567A; IE1234567AB IE1A12345A; IE1-12345A; EU</t>
  </si>
  <si>
    <t>Isle of Man</t>
  </si>
  <si>
    <t>GB followed by nine digits; OR GB followed by twelve digits; OR EU.</t>
  </si>
  <si>
    <t>Isle of Man Reverse Charge</t>
  </si>
  <si>
    <t>Israel</t>
  </si>
  <si>
    <t>Italy</t>
  </si>
  <si>
    <t>^(IT)?\d{11}$|^EU|^IM</t>
  </si>
  <si>
    <t>Optional IT followed by eleven digits; OR EU; OR IM.</t>
  </si>
  <si>
    <t>IT12345678901; 12345678901; EU; IM</t>
  </si>
  <si>
    <t>Italy Domestic Reverse Charge</t>
  </si>
  <si>
    <t>^(IT)?\d{11}$|^EU</t>
  </si>
  <si>
    <t>Optional IT followed by eleven digits; OR EU.</t>
  </si>
  <si>
    <t>IT12345678901; 12345678901; EU</t>
  </si>
  <si>
    <t>Italy Private Copy Levy</t>
  </si>
  <si>
    <t>Jamaica</t>
  </si>
  <si>
    <t>^\d{3}\-\d{3}\-\d{3}|^\d{9}</t>
  </si>
  <si>
    <t>Three digits followed by a dash followed by three digits followed by a dash followed by three digits; OR nine digits.</t>
  </si>
  <si>
    <t>123-456-789; 123456789</t>
  </si>
  <si>
    <t>Japan</t>
  </si>
  <si>
    <t>Jersey GST</t>
  </si>
  <si>
    <t>Jordan</t>
  </si>
  <si>
    <t>Kazakhstan</t>
  </si>
  <si>
    <t>Kenya</t>
  </si>
  <si>
    <t>^\d{7}\w{1}$|^\w{11}$</t>
  </si>
  <si>
    <t>Seven digits followed by one alpha-numeric character; OR eleven alpha-numeric characters.</t>
  </si>
  <si>
    <t>12345671; 1234567A; 1234567a; 1234567890W;</t>
  </si>
  <si>
    <t>Kosovo</t>
  </si>
  <si>
    <t>^3\d{8}$</t>
  </si>
  <si>
    <t>3 followed by eight digits.</t>
  </si>
  <si>
    <t>Laos</t>
  </si>
  <si>
    <t>Latvia</t>
  </si>
  <si>
    <t>^LV\d{11}$|^LV\s\d{4}\s\d{3}\s\d{4}$|^EU|^IM</t>
  </si>
  <si>
    <t>LV followed by eleven digits; OR LV followed by a space followed by four digits followed by a space followed by three digits followed by a space followed by four digits; OR EU; OR IM.</t>
  </si>
  <si>
    <t>LV12345678901; LV 1234 123 1234; EU; IM</t>
  </si>
  <si>
    <t>Latvia Domestic Reverse Charge</t>
  </si>
  <si>
    <t>^LV\d{11}$|^LV\s\d{4}\s\d{3}\s\d{4}$|^EU</t>
  </si>
  <si>
    <t>LV followed by eleven digits; OR LV followed by a space followed by four digits followed by a space followed by three digits followed by a space followed by four digits; OR EU.</t>
  </si>
  <si>
    <t>LV12345678901; LV 1234 123 1234; EU</t>
  </si>
  <si>
    <t>Latvia Private Copy Levy</t>
  </si>
  <si>
    <t>Lesotho</t>
  </si>
  <si>
    <t>^5\d{7}$</t>
  </si>
  <si>
    <t>Digit five followed by seven digits</t>
  </si>
  <si>
    <t>Liberia</t>
  </si>
  <si>
    <t>Liechtenstein</t>
  </si>
  <si>
    <t>^\d{2}\s\d{3}$|^\d{5}$</t>
  </si>
  <si>
    <t>Two digits followed by a space followed by three digits; OR five digits.</t>
  </si>
  <si>
    <t>12 123; 12345</t>
  </si>
  <si>
    <t>Liechtenstein Recycling Fees</t>
  </si>
  <si>
    <t>Lithuania</t>
  </si>
  <si>
    <t>^LT\d{9}$|^LT\d{12}$|^LT\d{4}\s\d{3}\s\d{2}$|^EU|^IM</t>
  </si>
  <si>
    <t>LT followed by nine digits; OR LT followed by twelve digits; OR LT followed by four digits followed by a  space followed by three digits followed by a space followed by two digits; OR EU; OR IM.</t>
  </si>
  <si>
    <t>LT123456789; LT123456789012; LT1234 123 12; EU; IM</t>
  </si>
  <si>
    <t>Lithuania Domestic Reverse Charge</t>
  </si>
  <si>
    <t>^LT\d{9}$|^LT\d{12}$|^LT\d{4}\s\d{3}\s\d{2}$|^EU</t>
  </si>
  <si>
    <t>LT followed by nine digits; OR LT followed by twelve digits; OR LT followed by four digits followed by a  space followed by three digits followed by a space followed by two digits; OR EU.</t>
  </si>
  <si>
    <t>LT123456789; LT123456789012; LT1234 123 12; EU</t>
  </si>
  <si>
    <t>Luxembourg</t>
  </si>
  <si>
    <t>^LU\d{8}$|^EU|^IM</t>
  </si>
  <si>
    <t>LU followed by eight digits; OR EU; OR IM.</t>
  </si>
  <si>
    <t>LU12345678; EU; IM</t>
  </si>
  <si>
    <t>Luxembourg Recycling Fees</t>
  </si>
  <si>
    <t>^LU\d{8}$|^EU</t>
  </si>
  <si>
    <t>LU followed by eight digits; OR EU.</t>
  </si>
  <si>
    <t>LU12345678; EU</t>
  </si>
  <si>
    <t>Macedonia</t>
  </si>
  <si>
    <t>^MK\d{13}$</t>
  </si>
  <si>
    <t>MK followed by thirteen digits</t>
  </si>
  <si>
    <t>MK1234567890123</t>
  </si>
  <si>
    <t>Malawi</t>
  </si>
  <si>
    <t>Malaysia</t>
  </si>
  <si>
    <t>^[A-Z]\d{2}-?\d{4}-?\d{8}$</t>
  </si>
  <si>
    <t>One capitalized letter A-Z followed by two digits followed by an optional dash followed by four digits followed by an optional dash followed by eight digits</t>
  </si>
  <si>
    <t>A12-1234-12345678</t>
  </si>
  <si>
    <t>A12123412345678</t>
  </si>
  <si>
    <t>A121234-12345678; A12-123412345678</t>
  </si>
  <si>
    <t>Malaysia GST</t>
  </si>
  <si>
    <t>^\w-\d{10}|^\w\d{6}|^\w{3}-\w{2}-\d{8}(/\d{4})?|^(W\d{2}-)?\d{8}/\d{2,4}$|^\d{12}$</t>
  </si>
  <si>
    <t>One alpha-numeric character followed by a dash followed by ten digits; OR one alpha-numeric character followed by six digits; OR three alpha-numeric characters followed by a dash followed by two alpha-numeric characters followed by a dash followed by eight digits followed by an optional forward slash and four digits; OR optional W and two digits and a dash followed by eight digits followed by two or four digits; OR twelve digits</t>
  </si>
  <si>
    <t>a-1234567890; a123456; abc-ab-12345678/1234; abc-ab-12345678; W10-01000174/2001; W10-01000174/01;</t>
  </si>
  <si>
    <t>01000174/2001;</t>
  </si>
  <si>
    <t>01000174/01; 123456789012</t>
  </si>
  <si>
    <t>Malaysia Service Tax</t>
  </si>
  <si>
    <t>^[A-Z]\d{2}-?\d{4}-?\d{8}$|^\d{8}$</t>
  </si>
  <si>
    <t>One capitalized letter A-Z followed by two digits followed by an optional dash followed by four digits followed by an optional dash followed by eight digits; OR eight digits</t>
  </si>
  <si>
    <t>A121234-12345678; A12-123412345678;</t>
  </si>
  <si>
    <t>Malaysia Tax Free</t>
  </si>
  <si>
    <t>^\w-\d{10}|^\w\d{6}|^\w{3}-\w{2}-\d{8}(/\d{4})?|^(W\d{2}-)?\d{8}/\d{2,4}$</t>
  </si>
  <si>
    <t>One alpha-numeric character followed by a dash followed by ten digits; OR one alpha-numeric character followed by six digits; OR three alpha-numeric characters followed by a dash followed by two alpha-numeric characters followed by a dash followed by eight digits followed by an optional forward slash and four digits; OR optional W and two digits and a dash followed by eight digits followed by two or four digits</t>
  </si>
  <si>
    <t>01000174/01</t>
  </si>
  <si>
    <t>Maldives</t>
  </si>
  <si>
    <t>^\d{7}GST\d{3}$</t>
  </si>
  <si>
    <t>Seven digits followed by GST followed by three digits.</t>
  </si>
  <si>
    <t>1234567GST123</t>
  </si>
  <si>
    <t>Malta</t>
  </si>
  <si>
    <t>^(MT)?\d{8}$|^EU|^IM</t>
  </si>
  <si>
    <t>An optional MT followed by eight digits; OR EU; OR IM.</t>
  </si>
  <si>
    <t>MT12345678; 12345678; EU; IM</t>
  </si>
  <si>
    <t>Manitoba</t>
  </si>
  <si>
    <t>^\d{6}\-\d$|^\d{7}$|^\d{9}MT|^\d{9}MC</t>
  </si>
  <si>
    <t>Six digits followed by a dash followed by one digit; OR seven digits; OR nine digits followed by MT; OR nine digits followed by MC.</t>
  </si>
  <si>
    <t>123456-7; 1234567; 123456789MT; 123456789MC</t>
  </si>
  <si>
    <t>Mauritius</t>
  </si>
  <si>
    <t>^VAT\d{8}$|^VAT\s\d{4}\s\d{4}$</t>
  </si>
  <si>
    <t>VAT followed by eight digits; OR VAT followed by a space followed by four digits followed by a space followed by four digits.</t>
  </si>
  <si>
    <t>VAT12345678; VAT 1234 1234</t>
  </si>
  <si>
    <t>Mexico</t>
  </si>
  <si>
    <t>^[A-Z&amp;]{3,4}-?\d{6}-?\w{3}$</t>
  </si>
  <si>
    <t>Any combination of three or four of the following characters:  capitalized letters A thru Z and "&amp;"; followed by an optional dash and six digits followed by an optional dash followed by any three alpha-numeric characters.</t>
  </si>
  <si>
    <t>ABC-123456-abc; AB&amp;-123456-abc; ABCD-123456-abc; ABC123456-abc; ABCD123456-abc; ABC123456abc; ABCD123456abc</t>
  </si>
  <si>
    <t>Mexico Frontier Zone</t>
  </si>
  <si>
    <t>Mexico IEPS</t>
  </si>
  <si>
    <t>Moldova</t>
  </si>
  <si>
    <t>^\d{8}$|^E\d{12}$</t>
  </si>
  <si>
    <t>Eight digits; OR E followed by twelve digits.</t>
  </si>
  <si>
    <t>12345678; E123456789012</t>
  </si>
  <si>
    <t>Mongolia</t>
  </si>
  <si>
    <t>Montenegro</t>
  </si>
  <si>
    <t>^\d{2}\/\d{2}\-\d{5}\-\d{1}$</t>
  </si>
  <si>
    <t>Two digits followed by a front slash followed by two digits followed by a dash followed by five digits followed by a dash followed by one digit</t>
  </si>
  <si>
    <t>12/34-56789-0</t>
  </si>
  <si>
    <t>Morocco</t>
  </si>
  <si>
    <t>^\d{2}\s?\d{4}\s?\d{1,2}$</t>
  </si>
  <si>
    <t>Two digits followed by an optional space followed by four digits followed by an optional space followed by one or two digits.</t>
  </si>
  <si>
    <t>12 1234 1; 12 1234 12; 12 12341; 12 123412; 121234 1; 121234 12</t>
  </si>
  <si>
    <t>Mozambique</t>
  </si>
  <si>
    <t>Namibia</t>
  </si>
  <si>
    <t>^\d{7}</t>
  </si>
  <si>
    <t>Nepal</t>
  </si>
  <si>
    <t>Netherlands</t>
  </si>
  <si>
    <t>^NL\d{9}B\d{2}$|^EU|^IM</t>
  </si>
  <si>
    <t>NL followed by nine digits followed by a B followed by two digits; OR EU; OR IM.</t>
  </si>
  <si>
    <t>NL123456789B12; EU; IM</t>
  </si>
  <si>
    <t>Netherlands Domestic Reverse Charge</t>
  </si>
  <si>
    <t>^NL\d{9}B\d{2}$|^EU</t>
  </si>
  <si>
    <t>NL followed by nine digits followed by a B followed by two digits; OR EU.</t>
  </si>
  <si>
    <t>NL123456789B12; EU</t>
  </si>
  <si>
    <t>Netherlands Private Copy Levy</t>
  </si>
  <si>
    <t>New Brunswick</t>
  </si>
  <si>
    <t>New Caledonia</t>
  </si>
  <si>
    <t>^(0|1)\d{6}$</t>
  </si>
  <si>
    <t>0 or 1 followed by six digits.</t>
  </si>
  <si>
    <t>0123456; 1234567</t>
  </si>
  <si>
    <t>New Zealand</t>
  </si>
  <si>
    <t>^\d{2,3}-?\d{3}-?\d{3}$</t>
  </si>
  <si>
    <t>Two or three digits followed by an optional dash followed by three digits followed by an optional dash followed by three digits.</t>
  </si>
  <si>
    <t>12-123-123; 123-123-123; 12123-123; 123123-123; 12-123123; 123-123123; 12123123; 123123123</t>
  </si>
  <si>
    <t>Newfoundland</t>
  </si>
  <si>
    <t>Newfoundland Fees</t>
  </si>
  <si>
    <t>Nicaragua</t>
  </si>
  <si>
    <t xml:space="preserve">^\d{4}\-?\d{6}\-?\d{3}\-?\w$|^\w\-?\d{3}\-?\d{6}\-?\d{4}$|^\d{4}\-?\d{6}\-?\d{4}$ </t>
  </si>
  <si>
    <t>Four digits followed by an optional dash followed by six digits followed by an optional dash followed by four digits or three digits and a letter or number; OR a letter or number followed by an optional dash followed by three digits followed by an optional dash followed by six digits followed by an optional dash followed by four digits.</t>
  </si>
  <si>
    <t>1234123456123A; A1231234561234; 12341234561234; 1234-123456-123-A;                     A-123-123456-1234; 1234-123456-1234</t>
  </si>
  <si>
    <t>Nigeria</t>
  </si>
  <si>
    <t>^([A-Z]{3})?\.?(\d{8}|\d{10})(-\d{4})?$|^([A-Z]{3})? ?(\d{8}|\d{10})(-\d{4})?$|^\d{8}\-\d{4}$</t>
  </si>
  <si>
    <t>An optional three upper case letters followed by an optional period and eight digits; OR an optional three upper case letters followed by an optional period and ten digits; OR eight digits; OR ten digits; OR three optional upper case letters followed by ten digits followed by an optional dash and four digits.</t>
  </si>
  <si>
    <t>AAA.12345678; AAA12345678; 12345678; AAA.1234567891; AAA1234567891; 1234567891;  AAA.1234567891-1234; AAA1234567891-1234; 1234567891-1234; 1234567891-1234; AAA1234567891-1234, 12345678-1234</t>
  </si>
  <si>
    <t>Northern Ireland</t>
  </si>
  <si>
    <t>^XI\d{9}$|^XI\d{12}$|^XI[A-Z]{2}\d{3}$|^EU|^IM</t>
  </si>
  <si>
    <t>XI followed by nine digits; OR XI followed by twelve digits; OR XI followed by any two capitalized letters A - Z followed by three digits; OR EU; OR IM.</t>
  </si>
  <si>
    <t>XI123456789; XI123456789012; XIAB123; EU; IM</t>
  </si>
  <si>
    <t>North Macedonia</t>
  </si>
  <si>
    <t>Norway</t>
  </si>
  <si>
    <t>^(NO)?\s?\d{3}\s?\d{3}\s?\d{3}\s?MVA$|^\d{7}$</t>
  </si>
  <si>
    <t>Optional NO followed by an optional space followed by three digits followed by an optional space followed by three digits followed by an optional space followed by three digits followed by an optional space followed by MVA; OR seven digits.</t>
  </si>
  <si>
    <t>NO 123 123 123 MVA; 123 123 123 MVA; NO123 123 123 MVA; NO123123 123 MVA; 123123 123 MVA; NO123123123 MVA; 123123123 MVA; NO123123123MVA; 123123123MVA; NO 123123123 MVA; NO 123123123MVA; 1234567</t>
  </si>
  <si>
    <t>Nova Scotia</t>
  </si>
  <si>
    <t>Nova Scotia Fees</t>
  </si>
  <si>
    <t>Oman</t>
  </si>
  <si>
    <t>^OM\d{9}\w$</t>
  </si>
  <si>
    <t>OM followed by 9 digits and followed by alpha-numeric character.</t>
  </si>
  <si>
    <t>OM1234567890; OM123456789X</t>
  </si>
  <si>
    <t>Ontario</t>
  </si>
  <si>
    <t>^\d{4}\-\d{4}$|^\d{8}$|^\d{9}TR</t>
  </si>
  <si>
    <t>Four digits followed by a dash followed by four digits; OR eight digits; OR nine digits followed by TR.</t>
  </si>
  <si>
    <t>1234-1234; 12345678; 123456789TR</t>
  </si>
  <si>
    <t>Ontario Fees</t>
  </si>
  <si>
    <t>Ontario HST</t>
  </si>
  <si>
    <t>Pakistan</t>
  </si>
  <si>
    <t>Pakistan Additional Tax</t>
  </si>
  <si>
    <t>Pakistan Manufacturer Additional Tax</t>
  </si>
  <si>
    <t>Panama</t>
  </si>
  <si>
    <t>^\d{1,9}-\d{1,4}-\d{1,6}((\sDV)?(\s?\d{1,2}))?$</t>
  </si>
  <si>
    <t>One to nine digits followed by a dash followed by one to four digits followed by a dash followed by one to six digits followed by an optional space and DV plus an optional space and one or two digits.</t>
  </si>
  <si>
    <t>123-1-123; 123456789-1234-123456; 123-1-123456; 123-123-123; 1234567-1-123; 1234567-123-123; 123-1-123 DV 1; 123-1-123 DV 12; 123-1-123 1; 123-1-123 12; 1234567-123-123456 DV 1; 1234567-123-123456 DV 12; 1234567-123-123456 1; 1234567-123-123456 12; 123-1-123456 DV 1; 123-1-123456 DV 12; 123-1-123456 1; 123-1-123456 12; 123-123-123 DV 1; 123-123-123 DV 12; 123-123-123 1; 123-123-123 12; 1234567-1-123 DV 1; 1234567-1-123 DV 12; 1234567-1-123 1; 1234567-1-123 12; 1234567-123-123 DV 1; 1234567-123-123 DV 12; 1234567-123-123 1; 1234567-123-123 12;</t>
  </si>
  <si>
    <t>1-123-123; 12-123-12; 1-1-1; 123-123-123 DV1</t>
  </si>
  <si>
    <t>Papua New Guinea</t>
  </si>
  <si>
    <t>^(GS|VT)\s?\d{4,5}$|^\d{9}$</t>
  </si>
  <si>
    <t>GS Or VT followed by an optional space followed by four or five digits, Or nine digits.</t>
  </si>
  <si>
    <t>GS 1234; GS1234; GS 12345; GS12345; VT 1234; VT1234; VT 12345; VT12345; 
123456789</t>
  </si>
  <si>
    <t>Paraguay</t>
  </si>
  <si>
    <t>^\d{2,7}[0-9AB]?(\d|-\d)?$</t>
  </si>
  <si>
    <t>Two to seven digits followed by either one optional digit 0 - 9 or a capital letter A or a capital letter B followed by an optional dash and one digit.</t>
  </si>
  <si>
    <t>12345678; 12345678-1;</t>
  </si>
  <si>
    <t>123456781;</t>
  </si>
  <si>
    <t>1324567A; 1234567B;</t>
  </si>
  <si>
    <t>1324567A-1;</t>
  </si>
  <si>
    <t>1234567B-1;</t>
  </si>
  <si>
    <t>1324567A1;</t>
  </si>
  <si>
    <t>1324567B1; 12A; 12A-1; 12A1; 12; 12-1; 121</t>
  </si>
  <si>
    <t>Peru</t>
  </si>
  <si>
    <t>^\d{3}\s\d{3}\s\d{3}\s\d{2}|^\d{11}</t>
  </si>
  <si>
    <t>Three digits followed by a space followed by three digits followed by a space followed by three digits followed by a space followed by two digits; OR eleven digits.</t>
  </si>
  <si>
    <t>123 123 123 12; 12345678901</t>
  </si>
  <si>
    <t>Peru Municipal Rate</t>
  </si>
  <si>
    <t>Philippines</t>
  </si>
  <si>
    <t>^\d{3}(\s|-?)\d{3}(\s|-?)\d{3}(\s|-?)\d{3}(\d{2})?(\s|(-))?((VAT)|(Non VAT))?$</t>
  </si>
  <si>
    <t>Three digits followed by an optional space or dash followed by three digits followed by an optional space or dash followed by three digits followed by an optional space or dash followed by three digits followed by two optional digits followed by an optional space or dash followed by optional VAT or Non VAT</t>
  </si>
  <si>
    <t>123456789012; 123 123 123 123; 123-123-123-123; 12345678912345; 123 123 123 12345; 123-123-123-12345; 123-123-123-123 VAT; 123-123-123-12345 VAT; 123 123 123 123-Non VAT; 123 123 123 12345-Non VAT</t>
  </si>
  <si>
    <t>Poland</t>
  </si>
  <si>
    <t>^(PL)?\s?\d{10}$|^(PL)?\s?\d{3}-\d{2}-\d{2}-\d{3}$|^(PL)?\s?\d{3}-\d{3}-\d{2}-\d{2}$|^EU|^IM</t>
  </si>
  <si>
    <t>Optional PL followed by an optional space followed by ten digits; OR optional PL followed by an optional space followed by three digits followed by a dash followed by two digits followed by a dash followed by two digits followed by three digits; OR optional PL followed by an optional space followed by three digits followed by a dash followed by three digits followed by a dash followed by two digits followed by a dash followed by two digits; OR EU; OR IM.</t>
  </si>
  <si>
    <t>PL 1234567890; PL 123-12-12-123; 123-12-12-123; PL1234567890; 1234567890; PL 123-123-12-12; PL123-123-12-12; 123-123-12-12; EU; IM</t>
  </si>
  <si>
    <t xml:space="preserve">Poland Domestic Reverse Charge </t>
  </si>
  <si>
    <t>^(PL)?\s?\d{10}$|^(PL)?\s?\d{3}-\d{2}-\d{2}-\d{3}$|^(PL)?\s?\d{3}-\d{3}-\d{2}-\d{2}$|^EU</t>
  </si>
  <si>
    <t>Optional PL followed by an optional space followed by ten digits; OR optional PL followed by an optional space followed by three digits followed by a dash followed by two digits followed by a dash followed by two digits followed by three digits; OR optional PL followed by an optional space followed by three digits followed by a dash followed by three digits followed by a dash followed by two digits followed by a dash followed by two digits; OR EU.</t>
  </si>
  <si>
    <t>PL 1234567890; PL 123-12-12-123; 123-12-12-123; PL1234567890; 1234567890; PL 123-123-12-12; PL123-123-12-12; 123-123-12-12; EU</t>
  </si>
  <si>
    <t>Poland Private Copy Levy</t>
  </si>
  <si>
    <t>Portugal</t>
  </si>
  <si>
    <t>^PT\d{9}$|^EU|^IM</t>
  </si>
  <si>
    <t>PT followed by nine digits; OR EU; OR IM.</t>
  </si>
  <si>
    <t>PT123456789; EU; IM</t>
  </si>
  <si>
    <t>Portugal Autonomous Regions - Azores</t>
  </si>
  <si>
    <t>^PT\d{9}$|^EU</t>
  </si>
  <si>
    <t>PT followed by nine digits; OR EU.</t>
  </si>
  <si>
    <t>PT123456789; EU</t>
  </si>
  <si>
    <t>Portugal Autonomous Regions – Madeira</t>
  </si>
  <si>
    <t>Portugal Domestic Reverse Charge</t>
  </si>
  <si>
    <t>Portugal Private Copy Levy</t>
  </si>
  <si>
    <t>Prince Edward Island</t>
  </si>
  <si>
    <t>^\d{6}\s\d{4}$|^\d{10}$|^\d{6}$</t>
  </si>
  <si>
    <t>Six digits followed by a space followed by four digits; OR ten digits; OR six digits.</t>
  </si>
  <si>
    <t>123456 1234; 1234567890; 123456</t>
  </si>
  <si>
    <t>Prince Edward Island HST</t>
  </si>
  <si>
    <t>Prince Edward Island Fees</t>
  </si>
  <si>
    <t>Puerto Rico Sales/Use Tax</t>
  </si>
  <si>
    <t>^\d{7}(-|\s)?\d{4}</t>
  </si>
  <si>
    <t>Seven digits followed by an optional space or dash followed by four digits.</t>
  </si>
  <si>
    <t>12345678912; 1234657-1234;</t>
  </si>
  <si>
    <t>1234567 1234</t>
  </si>
  <si>
    <t>Quebec</t>
  </si>
  <si>
    <t>^\d{10}TQ(\d{4})?|^NR\d{8}$</t>
  </si>
  <si>
    <t>Ten digits followed by TQ followed by four optional digits; OR NR followed by eight digits.</t>
  </si>
  <si>
    <t>1234567890TQ; 1234567890TQ1234; NR12345678</t>
  </si>
  <si>
    <t>Quebec Fees</t>
  </si>
  <si>
    <t>^\d{10}TQ(\d{4})?$</t>
  </si>
  <si>
    <t>Ten digits followed by TQ followed by four optional digits.</t>
  </si>
  <si>
    <t>1234567890TQ; 1234567890TQ1234</t>
  </si>
  <si>
    <t>Romania</t>
  </si>
  <si>
    <t>^RO\d{2,10}$|^EU|^IM</t>
  </si>
  <si>
    <t>RO followed by two to ten digits; OR EU; OR IM.</t>
  </si>
  <si>
    <t>RO12; RO123; RO1234; RO12345; RO123456; RO1234567; RO12345678; RO123456789; RO1234567890; EU; IM</t>
  </si>
  <si>
    <t>Romania Domestic Reverse Charge</t>
  </si>
  <si>
    <t>^EU|^RO\d{2,10}$</t>
  </si>
  <si>
    <t>EU; OR RO followed by two to ten digits.</t>
  </si>
  <si>
    <t>EU; RO12; RO123; RO1234; RO12345; RO123456; RO1234567; RO12345678; RO123456789; RO1234567891</t>
  </si>
  <si>
    <t>Russia</t>
  </si>
  <si>
    <t>^\d{10}$|^\d{4}\s\d{5}\s\d{1}$|^\d{12}$</t>
  </si>
  <si>
    <t>Ten digits; OR four digits followed by a space followed by five digits followed by a space followed by one digit; OR twelve digits.</t>
  </si>
  <si>
    <t>1234567890; 1234 12345 1; 123456789012</t>
  </si>
  <si>
    <t>Russia Private Copy Levy</t>
  </si>
  <si>
    <t>^\d{10}$|^\d{4}\s\d{5}\s\d{1}$</t>
  </si>
  <si>
    <t>Ten digits; OR four digits followed by a space followed by five digits followed by a space followed by one digit.</t>
  </si>
  <si>
    <t>1234567890; 1234 12345 1</t>
  </si>
  <si>
    <t>Rwanda</t>
  </si>
  <si>
    <t>Saint Lucia</t>
  </si>
  <si>
    <t>^\d{2,6}-?\d{2}$</t>
  </si>
  <si>
    <t>From two to six digits followed by an optional dash followed by two digits.</t>
  </si>
  <si>
    <t xml:space="preserve">12345678; 1234567; 123456;12345;1234; 123456-12; 12345-12; 1234-12; 123-12; 12-12
</t>
  </si>
  <si>
    <t>San Marino</t>
  </si>
  <si>
    <t>^SM\d{5}$</t>
  </si>
  <si>
    <t>SM followed by five digits.</t>
  </si>
  <si>
    <t>SM12345</t>
  </si>
  <si>
    <t>Saskatchewan</t>
  </si>
  <si>
    <t>Saskatchewan Fees</t>
  </si>
  <si>
    <t>Saudi Arabia</t>
  </si>
  <si>
    <t>^3\d{14}$</t>
  </si>
  <si>
    <t>3 followed by 14 digits</t>
  </si>
  <si>
    <t>Senegal</t>
  </si>
  <si>
    <t>^\d{9}(\d{4})?(\d[a-zA-Z]\d)?$|^[A-Z]{2}(-|\s)?[A-Z]{3}(-|\s)?\d{4}(-|\s)?[A-Z](-|\s)?\d{3,5}$</t>
  </si>
  <si>
    <t>Nine digits followed by an optional four digits followed by an optional one digit and an optional letter and an optional digit; OR two capital letters followed by an optional space or dash followed by three capital letters followed by an optional space or dash followed by four digits followed by an optional space or dash followed by a capital letter followed by an optional space or dash followed by three to five digits.</t>
  </si>
  <si>
    <t>123456789; 1234567891234; 12345678912341a1; 1234567891a1; AB ABC 1234 A 1234; AB-ABC-1234-A-1234; ABABC1234A12345</t>
  </si>
  <si>
    <t>Serbia</t>
  </si>
  <si>
    <t>Serbia Financial Transaction Tax</t>
  </si>
  <si>
    <t>Serbia Sales Tax</t>
  </si>
  <si>
    <t>Seychelles</t>
  </si>
  <si>
    <t>Sierra Leone</t>
  </si>
  <si>
    <t>^\w{7}-\w$</t>
  </si>
  <si>
    <t>Seven alpha-numeric characters followed by a dash followed by one alpha-numeric character.</t>
  </si>
  <si>
    <t>1234567-1; 1234567-a; abcdefg-1; abcdefg-a</t>
  </si>
  <si>
    <t>Shanghai VAT</t>
  </si>
  <si>
    <t>^\d{3}\s?\d{3}(\s?\w{3}\s?\w{3}\s?\w{3}|\w{12}|\w{14})$</t>
  </si>
  <si>
    <t>Three digits followed by an optional space followed by three digits followed by one of the following options: an optional space followed by three alpha-numeric characters followed by optional space followed by three alpha-numeric characters followed by an optional space followed by three alpha-numeric characters; OR twelve alpha-numeric characters; OR fourteen alpha-numeric characters.</t>
  </si>
  <si>
    <t xml:space="preserve">123 123 abc abc abc; 123 123 abcabcabc; 123123 abc abc abc; 123123abc abc abc; 123123abcabc abc; 123123abcabcabc; 123456789012; 12345678901234 </t>
  </si>
  <si>
    <t>Singapore</t>
  </si>
  <si>
    <t>^\w{2}-?\d{7}-?\w$|^\d{8,9}\w$|^[TS]\d{2}[A-Z]\w\d{4}\w$</t>
  </si>
  <si>
    <t>Two alpha-numeric characters followed by an optional dash followed by seven digits followed by an optional dash followed by one alpha-numeric character; OR eight or nine digits followed by one alpha-numeric character; OR TorS followed by two digits followed by one capitalized letter A - Z followed by one alpha-numeric character followed by four digits followed by one alpha-numeric character.</t>
  </si>
  <si>
    <t>ab-1234567-a; ab1234567-a; ab1234567a; ab-1234567a; 12345678a; 123456789a; T12Aa1234a</t>
  </si>
  <si>
    <t>Slovakia</t>
  </si>
  <si>
    <t>^SK\d{10}$|^SK\d{9}$|^EU|^IM</t>
  </si>
  <si>
    <t>SK followed by ten digits; OR SK followed by nine digits; OR EU; OR IM.</t>
  </si>
  <si>
    <t>SK1234567890; SK123456789; EU; IM</t>
  </si>
  <si>
    <t>Slovakia Domestic Reverse Charge</t>
  </si>
  <si>
    <t>^SK\d{10}$|^SK\d{9}$|^EU</t>
  </si>
  <si>
    <t>SK followed by ten digits; OR SK followed by nine digits; OR EU.</t>
  </si>
  <si>
    <t>SK1234567890; SK123456789; EU</t>
  </si>
  <si>
    <t>Slovakia Recycling Fees</t>
  </si>
  <si>
    <t>Slovenia</t>
  </si>
  <si>
    <t>^SI\d{8}$|^EU|^IM</t>
  </si>
  <si>
    <t>SI followed by eight digits; OR EU; OR IM.</t>
  </si>
  <si>
    <t>SI12345678; EU; IM</t>
  </si>
  <si>
    <t>Slovenia Domestic Reverse Charge</t>
  </si>
  <si>
    <t>^SI\d{8}$|^EU</t>
  </si>
  <si>
    <t>SI followed by eight digits; OR EU.</t>
  </si>
  <si>
    <t>SI12345678; EU</t>
  </si>
  <si>
    <t>South Africa</t>
  </si>
  <si>
    <t>^4\d{9}$|^4\d{2}\s\d{4}\s\d{3}$</t>
  </si>
  <si>
    <t>4 followed by 9 digits; OR 4 followed by two digits followed by a space followed by four digits followed by a space followed by three digits.</t>
  </si>
  <si>
    <t>4123456789; 412 3456 789</t>
  </si>
  <si>
    <t>South Korea</t>
  </si>
  <si>
    <t>^\d{3}\-\d{2}\-\d{5}$|^\d{10}$</t>
  </si>
  <si>
    <t>Three digits followed by a dash followed by two digits followed by a dash followed by five digits; OR ten digits.</t>
  </si>
  <si>
    <t>123-12-12345; 1234567890</t>
  </si>
  <si>
    <t>Spain</t>
  </si>
  <si>
    <t>^(ES)?[A-Z0-9]\d{7}[A-Z0-9]$|^EU|^IM</t>
  </si>
  <si>
    <t>Optional ES followed by either a capitalized letter A - Z or a digit 0 - 9 followed by seven digits followed by either a capitalized letter A - Z or a digit 0 -9; OR EU; OR IM.</t>
  </si>
  <si>
    <t>ESA1234567A; A1234567A; ES11234567A; 11234567A; ES112345671; 112345671; EU; IM</t>
  </si>
  <si>
    <t>Spain Domestic Reverse Charge</t>
  </si>
  <si>
    <t>^(ES)?[A-Z0-9]\d{7}[A-Z0-9]$|^EU</t>
  </si>
  <si>
    <t>Optional ES followed by either a capitalized letter A - Z or a digit 0 - 9 followed by seven digits followed by either a capitalized letter A - Z or a digit 0 -9; OR EU.</t>
  </si>
  <si>
    <t>ESA1234567A; A1234567A; ES11234567A; 11234567A; ES112345671; 112345671; EU</t>
  </si>
  <si>
    <t>Sri Lanka</t>
  </si>
  <si>
    <t>^\d{9}(-\d{4})?$</t>
  </si>
  <si>
    <t>Nine digits followed by an optional dash and four digits.</t>
  </si>
  <si>
    <t>123456789-1234</t>
  </si>
  <si>
    <t>Suriname</t>
  </si>
  <si>
    <t>Swaziland</t>
  </si>
  <si>
    <t>^\d{3}-\d{3}-\d{3}$</t>
  </si>
  <si>
    <t>Three digits followed by a dash, followed by three digits, followed by a dash, followed by three digits</t>
  </si>
  <si>
    <t>123-456-789</t>
  </si>
  <si>
    <t>Sweden</t>
  </si>
  <si>
    <t>^SE\d{12}$|^EU|^IM</t>
  </si>
  <si>
    <t>SE followed by twelve digits; OR EU; OR IM.</t>
  </si>
  <si>
    <t>SE123456789012; EU; IM</t>
  </si>
  <si>
    <t>Sweden Domestic Reverse Charge</t>
  </si>
  <si>
    <t>^SE\d{12}$|^EU</t>
  </si>
  <si>
    <t>SE followed by twelve digits; OR EU.</t>
  </si>
  <si>
    <t>SE123456789012; EU</t>
  </si>
  <si>
    <t>Sweden Private Copy Levy</t>
  </si>
  <si>
    <t>Switzerland</t>
  </si>
  <si>
    <t>Optional CH followed by three digits and an optional space followed by three digits; OR CHE followed by an optional dash followed by three digits followed by an optional period followed by three digits followed by an optional period followed by three digits followed by an optional space followed by an optional HR and optional slash followed by MWST or optional RC and optional slash followed by TVA or IVA.</t>
  </si>
  <si>
    <t>There are 120 possible options:</t>
  </si>
  <si>
    <t>^(CH)?\d{3}(\s)?\d{3}$|^CHE-?\d{3}\.?\d{3}\.?\d{3}(\s)?(((HR/?)?MWST)|((RC/?)?(TVA|IVA)))?$</t>
  </si>
  <si>
    <t>CH123 123; CH123123; 123 123; 123123</t>
  </si>
  <si>
    <t>or</t>
  </si>
  <si>
    <t>CHE-123123123</t>
  </si>
  <si>
    <t>CHE-123.123123</t>
  </si>
  <si>
    <t>CHE-123123.123</t>
  </si>
  <si>
    <t>CHE-123.123.123</t>
  </si>
  <si>
    <t>CHE123123123</t>
  </si>
  <si>
    <t>CHE123.123123</t>
  </si>
  <si>
    <t>CHE123123.123</t>
  </si>
  <si>
    <t>CHE123.123.123</t>
  </si>
  <si>
    <t>followed by one of the following options:</t>
  </si>
  <si>
    <t xml:space="preserve">                          HR/MWST</t>
  </si>
  <si>
    <t xml:space="preserve">                          HRMWST</t>
  </si>
  <si>
    <t xml:space="preserve">                          MWST</t>
  </si>
  <si>
    <t xml:space="preserve">                          RC/TVA</t>
  </si>
  <si>
    <t xml:space="preserve">                          RC/IVA</t>
  </si>
  <si>
    <t>TVA</t>
  </si>
  <si>
    <t xml:space="preserve"> IVA</t>
  </si>
  <si>
    <t>(+ no ending)</t>
  </si>
  <si>
    <t>w/space at end (before ending above)</t>
  </si>
  <si>
    <t>w/o space at end (before ending above)</t>
  </si>
  <si>
    <t>Switzerland Recycling Fees</t>
  </si>
  <si>
    <t>Taiwan</t>
  </si>
  <si>
    <t>^\d{8}$|^\d{2}\s\d{2}\s\d{2}\s\d{2}$</t>
  </si>
  <si>
    <t>Eight digits; OR two digits followed by a space followed by two digits followed by a space followed by two digits followed by a space followed by two digits.</t>
  </si>
  <si>
    <t>12345678; 12 12 12 12</t>
  </si>
  <si>
    <t>Tajikistan</t>
  </si>
  <si>
    <t>Tanzania</t>
  </si>
  <si>
    <t>^\d{8}\w{1}$</t>
  </si>
  <si>
    <t>Eight digits followed one alpha-numeric character.</t>
  </si>
  <si>
    <t>12345678A; 12345678a</t>
  </si>
  <si>
    <t>Thailand</t>
  </si>
  <si>
    <t>^\d{2}\s\d{2}\s\d{2}\s\d{2}\s\d{2}$|^\d{10}$|^\d{13}$</t>
  </si>
  <si>
    <t>Two digits followed by a space followed by two digits followed by a space followed by two digits followed by a space followed by two digits followed by a space followed by two digits; OR  ten digits; OR thirteen digits</t>
  </si>
  <si>
    <t>12 12 12 12 12; 1234567890;</t>
  </si>
  <si>
    <t>Togo</t>
  </si>
  <si>
    <t>^\d{10}$|^\d{6}[A-Z]$</t>
  </si>
  <si>
    <t>Ten digits; OR 6 digits followed by a letter.</t>
  </si>
  <si>
    <t>1234567890; 123456A</t>
  </si>
  <si>
    <t>Tonga</t>
  </si>
  <si>
    <t>^\d{6}$</t>
  </si>
  <si>
    <t>Six digits.</t>
  </si>
  <si>
    <t>Trinidad and Tobago</t>
  </si>
  <si>
    <t>Trinidad and Tobago Financial Services Tax</t>
  </si>
  <si>
    <t>Tunisia</t>
  </si>
  <si>
    <t>^\d{7}[ /]?[A-HJ-NP-TV-Z][ /]?[APBDN][ /]?[MPCNE][ /]?\d{3}$</t>
  </si>
  <si>
    <t>Seven digits followed by optional space or slash followed by single letter of alphabet except “I”, “O”, “U” followed by optional space or slash followed by one of the letters: A,P,B,D,N followed by optional space or slash followed by one of the letters: M,P,C,N,E followed by optional space or slash followed by three digits.</t>
  </si>
  <si>
    <t>1234567AAM123; 1234567/A/A/M/123; 1234567 A A M 123</t>
  </si>
  <si>
    <t>Turkey</t>
  </si>
  <si>
    <t>^\d{10}$|^\d{3}\s\d{3}\s\d{4}$|^\d{11}$</t>
  </si>
  <si>
    <t>Ten digits; 11 digits; OR three digits followed by a space followed by three digits followed by a space followed by four digits.</t>
  </si>
  <si>
    <t>1234567890; 123 123 1234; 12345678987</t>
  </si>
  <si>
    <t>Turkey Special Consumption Tax</t>
  </si>
  <si>
    <t>Turkmenistan</t>
  </si>
  <si>
    <t>Twelve digits</t>
  </si>
  <si>
    <t>Uganda</t>
  </si>
  <si>
    <t>Ukraine</t>
  </si>
  <si>
    <t>^\d{3}\s?\d{3}\s?\d{3}\s?(\d{3})?$</t>
  </si>
  <si>
    <t>Three digits followed by an optional space followed by three digits followed by an optional space followed by three digits followed by an optional space followed by an optional three digits</t>
  </si>
  <si>
    <t>123 123 123; 123 123 123 123; 123123123; 123123123123; 123 123123; 123 123123123; 123123 123; 123123 123123; 123123 123 123</t>
  </si>
  <si>
    <t>Ukraine Private Copy Levy</t>
  </si>
  <si>
    <t>United Arab Emirates – Abu Dhabi</t>
  </si>
  <si>
    <t>^1\d{14}$</t>
  </si>
  <si>
    <t>1 followed by 14 digits</t>
  </si>
  <si>
    <t>United Arab Emirates – Ajman</t>
  </si>
  <si>
    <t>United Arab Emirates – Dubai</t>
  </si>
  <si>
    <t>United Arab Emirates – Fujairah</t>
  </si>
  <si>
    <t>United Arab Emirates – Ras Al-Khaimah</t>
  </si>
  <si>
    <t>United Arab Emirates – Sharjah</t>
  </si>
  <si>
    <t>United Arab Emirates – Umm Al-Quwain</t>
  </si>
  <si>
    <t>United Kingdom</t>
  </si>
  <si>
    <t>United Kingdom Reverse Charge</t>
  </si>
  <si>
    <t>Uruguay</t>
  </si>
  <si>
    <t>Uruguay COFIS</t>
  </si>
  <si>
    <t>Uzbekistan</t>
  </si>
  <si>
    <t>Venezuela</t>
  </si>
  <si>
    <t>^\w{1}-?\d{8}-?\d{1}$</t>
  </si>
  <si>
    <t>Any one alpha-numeric character followed by an optional dash followed by eight digits followed by an optional dash followed by one digit.</t>
  </si>
  <si>
    <t>a-12345678-1; 1-12345678-1; a12345678-1; 112345678-1; a-123456781; 1-123456781; a123456781; 1123456781</t>
  </si>
  <si>
    <t>Vietnam</t>
  </si>
  <si>
    <t>^\d{10}-?(\d{3})?$</t>
  </si>
  <si>
    <t>Ten digits followed by an optional dash followed by an optional three digits.</t>
  </si>
  <si>
    <t>1234567890; 1234567890-; 1234567890123; 1234567890-123</t>
  </si>
  <si>
    <t>Zambia</t>
  </si>
  <si>
    <t>^\d{4}\s\d{3}\s\d{3}$|^\d{8}/?\d{2}$|^\d{8}-?\d{2}$</t>
  </si>
  <si>
    <t>Four digits followed by a space followed by three digits followed by a space followed by three digits; OR ten digits; OR eight digits followed by an optional dash followed by 2 digits; OR eight digits followed by an optional forward slash followed by 2 digits.</t>
  </si>
  <si>
    <t>1234 567 890; 1234567890</t>
  </si>
  <si>
    <t>12345678-90</t>
  </si>
  <si>
    <t>12345678/90</t>
  </si>
  <si>
    <t>Zimbabwe</t>
  </si>
  <si>
    <t>Bangladesh</t>
  </si>
  <si>
    <t>^\d{9}\-\d{4}$</t>
  </si>
  <si>
    <t>Nine digits followed by a dash followed by four digits.</t>
  </si>
  <si>
    <t xml:space="preserve">^\d{13}$
^\d{5}$
^\d{2}\s?\d{2}\s?\d{2}\s?\d{2}$
^T\d{13}$
</t>
  </si>
  <si>
    <t>Thirteen digits;
Or Five digits;
Or eight digits;
Or T followed by thirteen digits.</t>
  </si>
  <si>
    <t>1234567890123
12345
12 12 12 12; 1212 12 12; 121212 12; 12121212; 12 121212; 12 12 1212
12 12 12 12; 1212 12 12; 121212 12; 12121212; 12121212; 12 12 1212
T1234567890123</t>
  </si>
  <si>
    <t>Seven digits or sever digits followed by a dash, followed by one digit, OR  thirteen digits, OR one capital letter followed by six digits OR one capital letter followed by six digits, followed by a dash, followed by one digit.</t>
  </si>
  <si>
    <t>^\d{7}-\d{1}$|^\d{13}$|^\d\{7}$|^[A-Z]\d\{6}(-\d\{1})?$</t>
  </si>
  <si>
    <r>
      <t>1234567; 1234567-1; 1234567890123; A123456;</t>
    </r>
    <r>
      <rPr>
        <sz val="12"/>
        <color theme="1"/>
        <rFont val="Times New Roman"/>
        <family val="1"/>
      </rPr>
      <t xml:space="preserve"> </t>
    </r>
    <r>
      <rPr>
        <sz val="11"/>
        <color rgb="FF000000"/>
        <rFont val="Calibri"/>
        <family val="2"/>
        <scheme val="minor"/>
      </rPr>
      <t>A123456-1</t>
    </r>
  </si>
  <si>
    <t>^\d{9}$|^\d{12}$</t>
  </si>
  <si>
    <t>Nine digits OR twelve digits.</t>
  </si>
  <si>
    <t>123456789; 123456789012</t>
  </si>
  <si>
    <t>^\d{2}\.\d{3}\.\d{3}\.\d{1}[.\-]\d{3}\.\d{3}$|^\d{15}$|^\d{16}$</t>
  </si>
  <si>
    <t>Two digits followed by a period followed by three digits followed by a period followed by three digits followed by a period followed by one digit followed by either a period or a dash followed by three digits followed by a period followed by three digits; OR fifteen digits; OR sixteen digits.</t>
  </si>
  <si>
    <t>12.123.123.1.123.123; 12.123.123.1-123.123; 123456789012345; 1234567890123456</t>
  </si>
  <si>
    <t>Two digits followed by a period followed by three digits followed by a period followed by three digits followed by a period followed by one digit followed by either a period or a dash followed by three digits followed by a period followed by three digits; OR fifteen digits;  OR sixteen digits.</t>
  </si>
  <si>
    <t>^BE\d{10}$|^BE\s0\d{9}$|^BE\s1\d{9}$|^EU|^IM</t>
  </si>
  <si>
    <t>BE followed by 10 digits; OR BE followed by a space followed by a 0 followed by 9 digits; OR BE followed by a space followed by a 1 followed by 9 digits; OR EU; OR IM.</t>
  </si>
  <si>
    <t>^BE\d{10}$|^BE\s0\d{9}$|^BE\s1\d{9}$|^EU</t>
  </si>
  <si>
    <t>BE followed by 10 digits; OR BE followed by a space followed by a 0 followed by 9 digits; OR BE followed by a space followed by a 1 followed by 9 digits;OR EU.</t>
  </si>
  <si>
    <t>BE1234567890; BE 0123456789; BE 1123456789;EU; IM</t>
  </si>
  <si>
    <t>BE1234567890; BE 0123456789; BE 1123456789; EU</t>
  </si>
  <si>
    <t>^(GB)?\d{9}$|^(GB)?\d{12}$|^EU</t>
  </si>
  <si>
    <t>GB123456789; 123456789; GB123456789012; 123456789012; EU</t>
  </si>
  <si>
    <t>^IM|^(GB)?\d{9}$|^(GB)?\d{12}$|^EU</t>
  </si>
  <si>
    <t>IM; OR an optional GB followed by nine digits; OR an optional GB followed by twelve digits; OR EU</t>
  </si>
  <si>
    <t>IM; GB123456789; 123456789; GB123456789012; 123456789012; EU</t>
  </si>
  <si>
    <t>^(GB)?\d{9}$|^(GB)?\d{12}$|^GB[A-Z]{2}\d{3}$|^XI\d{9}$|^XI\d{12}$|^XI[A-Z]{2}\d{3}$|^EU</t>
  </si>
  <si>
    <t>An optional GB followed by nine digits; OR an optional GB followed by twelve digits; OR GB followed by any two capitalized letters A - Z followed by three digits; OR XI followed by nine digits; OR XI followed by twelve digits; OR XI followed by any two capitalized letters A - Z followed by three digits; OR EU.</t>
  </si>
  <si>
    <t>GB123456789; 123456789; GB123456789012; 123456789012; GBAB123; XI123456789; XI123456789012; XIAB123; EU</t>
  </si>
  <si>
    <t>^\d{5}$|^\d{6}$|^\d{8}$|^\d{10}$</t>
  </si>
  <si>
    <t>Five, six, eight or ten digits.</t>
  </si>
  <si>
    <t>12345; 123456; 12345678; 1234567891</t>
  </si>
  <si>
    <t>Kyrgyzstan</t>
  </si>
  <si>
    <t>12345678901234</t>
  </si>
  <si>
    <t>123456789012</t>
  </si>
  <si>
    <t>Mexico Frontier Zone - Southern Region</t>
  </si>
  <si>
    <t>Mexico IEPS Additional Fee</t>
  </si>
  <si>
    <t>Mexico IEPS Fee</t>
  </si>
  <si>
    <t>Mexico ISR Withholding</t>
  </si>
  <si>
    <t>Mexico IVA Withholding</t>
  </si>
  <si>
    <t>MX - Impuesto Sobre Hospedaje</t>
  </si>
  <si>
    <t>MX - Impuesto a la Venta Final</t>
  </si>
  <si>
    <t>MX - Impuesto sobre Entretenimiento</t>
  </si>
  <si>
    <t>^24\d{7}$|^\d{9}$</t>
  </si>
  <si>
    <t>24 followed by seven digits; OR 9 digits.</t>
  </si>
  <si>
    <t>241234567; 123456789</t>
  </si>
  <si>
    <t>^03\d{7}$|^\d{9}$</t>
  </si>
  <si>
    <t>03 followed by seven digits; OR 9 digits.</t>
  </si>
  <si>
    <t>031234567; 123456789</t>
  </si>
  <si>
    <t>^12\d{7}$|^\d{9}$</t>
  </si>
  <si>
    <t>12 followed by seven digits; OR 9 digits.</t>
  </si>
  <si>
    <t>121234567; 123456789</t>
  </si>
  <si>
    <t>^28\d{7}$|^\d{9}$</t>
  </si>
  <si>
    <t>28 followed by seven digits; OR 9 digits.</t>
  </si>
  <si>
    <t>281234567; 123456789</t>
  </si>
  <si>
    <t>^15\-\d{6}\-\d{1}$|^15\d{7}$|^\d{11}$|^\d{9}$</t>
  </si>
  <si>
    <t>15 followed by a dash followed by six digits followed by a dash followed by one digit; 15 followed by seven digits; 2 digits followed by a dash followed by six digits followed by a dash followed by one digit; OR 9 digits.</t>
  </si>
  <si>
    <t>15-123456-1; 151234567; 12-345678-9; 123456789</t>
  </si>
  <si>
    <t>^24\d{6}\-\d{1}$|^24\d{7}$|^\d{10}$|^\d{9}$</t>
  </si>
  <si>
    <t>24 followed by six digits followed by a dash followed by one digit; 24 followed by seven digits; 8 digits followed by a dash followed by one digit; OR 9 digits.</t>
  </si>
  <si>
    <t>24123456-7; 241234567; 12345678-9; 123456789</t>
  </si>
  <si>
    <t>^\d{3}\-\d{6}\-\d$|^\d{10}$|^\d{6,7}-\d{2}$</t>
  </si>
  <si>
    <t>^01\.\d{3}\.\d{3}\/\d{3}\-\d{2}$|^01\d{11}$|^\d{17}$|^\d{13}$</t>
  </si>
  <si>
    <t>01 followed by a period followed by three digits followed by a period followed by three digits followed by a front slash followed by three digits followed by a dash followed by two digits; 01 followed by eleven digits; Seventeen digits; OR Thirteen digits.</t>
  </si>
  <si>
    <t>01.123.123/123-12; 0112345678901; 12.456.789/123-45; 1234567890123</t>
  </si>
  <si>
    <t>^07\d{9}\-\d{2}$|^07\.\d{6}\.\d{3}\-\d{2}$|^07\d{11}$|^\d{14}$|^\d{16}$|^\d{13}$</t>
  </si>
  <si>
    <t>07 followed by nine digits followed by a dash followed by two digits; OR 07 followed by a period followed by six digits followed by a period followed by three digits followed by a dash followed by two digits; OR 07 followed by eleven digits; Fourteen digits; Sixteen digits; OR Thirteen digits.</t>
  </si>
  <si>
    <t>07123456789-12; 07.123456.123-12; 0712345678901; 01123456789-12; 01.123456.123-12; 0112345678901</t>
  </si>
  <si>
    <t>^10\d{7}$|^11\d{7}$|^15\d{7}$|^\d{2}\.\d{3}\.\d{3}\-\d{1}$|^\d{12}$|^\d{9}$</t>
  </si>
  <si>
    <t>10 followed by seven digits; OR 11 followed by seven digits; OR 15 followed by seven digits; Two digits followed by a period followed by three digits followed by a period followed by three digits followed by a dash followed by one digit; Twelve digits; OR Nine digits.</t>
  </si>
  <si>
    <t>101234567; 111234567; 151234567; 12.123.123-1; 
12.345.678-9; 123456789</t>
  </si>
  <si>
    <t>^20\.\d{3}\.\d{3}\-\d{1}$|^20\.\d{1}\.\d{3}\.\d{3}$|^20\d{7}$|^\d{12}$|^\d{9}$</t>
  </si>
  <si>
    <t>20 followed by a period followed by three digits followed by a dash followed by one digit; OR 20 followed by a period followed by one digit followed by a period followed by three digits followed by a period followed by three digits; 20 followed by seven digits; Twelve digits; OR Nine digits.</t>
  </si>
  <si>
    <t>20.123.123-1; 20.1.123.123; 201234567; 
12.345.678-9; 12.3.456.789; 123456789</t>
  </si>
  <si>
    <t>^37\w{13}$
^99\w{13}$
^97\w{13}$</t>
  </si>
  <si>
    <t>^12\w{13}$
^99\w{13}$
^97\w{13}$</t>
  </si>
  <si>
    <t>^18\w{13}$
^99\w{13}$
^97\w{13}$</t>
  </si>
  <si>
    <t>^10\w{13}$
^99\w{13}$
^97\w{13}$</t>
  </si>
  <si>
    <t>^04\w{13}$
^99\w{13}$
^97\w{13}$</t>
  </si>
  <si>
    <t>^22\w{13}$
^99\w{13}$
^97\w{13}$</t>
  </si>
  <si>
    <t>^26\w{13}$
^99\w{13}$
^97\w{13}$</t>
  </si>
  <si>
    <t>India Dadra and Nagar Haveli and Daman and Diu Central GST
India Dadra and Nagar Haveli and Daman and Diu Compensation Cess
India Dadra and Nagar Haveli and Daman and Diu Compensation Cess (Intrastate)
India Dadra and Nagar Haveli and Daman and Diu Integrated GST
India Dadra and Nagar Haveli and Daman and Diu Union Territory GST</t>
  </si>
  <si>
    <t>^07\w{13}$
^99\w{13}$
^97\w{13}$</t>
  </si>
  <si>
    <t>^30\w{13}$
^99\w{13}$
^97\w{13}$</t>
  </si>
  <si>
    <t>^24\w{13}$
^99\w{13}$
^97\w{13}$</t>
  </si>
  <si>
    <t>^06\w{13}$
^99\w{13}$
^97\w{13}$</t>
  </si>
  <si>
    <t>^02\w{13}$
^99\w{13}$
^97\w{13}$</t>
  </si>
  <si>
    <t>^01\w{13}$
^99\w{13}$
^97\w{13}$</t>
  </si>
  <si>
    <t>^20\w{13}$
^99\w{13}$
^97\w{13}$</t>
  </si>
  <si>
    <t>^29\w{13}$
^99\w{13}$
^97\w{13}$</t>
  </si>
  <si>
    <t>^32\w{13}$
^99\w{13}$
^97\w{13}$</t>
  </si>
  <si>
    <t>^31\w{13}$
^99\w{13}$
^97\w{13}$</t>
  </si>
  <si>
    <t>^23\w{13}$
^99\w{13}$
^97\w{13}$</t>
  </si>
  <si>
    <t>^27\w{13}$
^99\w{13}$
^97\w{13}$</t>
  </si>
  <si>
    <t>^14\w{13}$
^99\w{13}$
^97\w{13}$</t>
  </si>
  <si>
    <t>^17\w{13}$
^99\w{13}$
^97\w{13}$</t>
  </si>
  <si>
    <t>^15\w{13}$
^99\w{13}$
^97\w{13}$</t>
  </si>
  <si>
    <t>^13\w{13}$
^99\w{13}$
^97\w{13}$</t>
  </si>
  <si>
    <t>^21\w{13}$
^99\w{13}$
^97\w{13}$</t>
  </si>
  <si>
    <t>^34\w{13}$
^99\w{13}$
^97\w{13}$</t>
  </si>
  <si>
    <t xml:space="preserve">^03\w{13}$
^99\w{13}$
^97\w{13}$
</t>
  </si>
  <si>
    <t>^08\w{13}$
^99\w{13}$
^97\w{13}$</t>
  </si>
  <si>
    <t>^11\w{13}$
^99\w{13}$
^97\w{13}$</t>
  </si>
  <si>
    <t>^33\w{13}$
^99\w{13}$
^97\w{13}$</t>
  </si>
  <si>
    <t>^36\w{13}$
^99\w{13}$
^97\w{13}$</t>
  </si>
  <si>
    <t>^16\w{13}$
^99\w{13}$
^97\w{13}$</t>
  </si>
  <si>
    <t>^09\w{13}$
^99\w{13}$
^97\w{13}$</t>
  </si>
  <si>
    <t>^05\w{13}$
^99\w{13}$
^97\w{13}$</t>
  </si>
  <si>
    <t>^19\w{13}$
^99\w{13}$
^97\w{13}$</t>
  </si>
  <si>
    <t>35, followed by thirteen alphanumeric characters.
99, followed by thirteen alphanumeric characters.
97, followed by thirteen alphanumeric characters.</t>
  </si>
  <si>
    <t>37, followed by thirteen alphanumeric characters.
99, followed by thirteen alphanumeric characters.
97, followed by thirteen alphanumeric characters.</t>
  </si>
  <si>
    <t>12, followed by thirteen alphanumeric characters.
99, followed by thirteen alphanumeric characters.
97, followed by thirteen alphanumeric characters.</t>
  </si>
  <si>
    <t>18, followed by thirteen alphanumeric characters.
99, followed by thirteen alphanumeric characters.
97, followed by thirteen alphanumeric characters.</t>
  </si>
  <si>
    <t>10, followed by thirteen alphanumeric characters.
99, followed by thirteen alphanumeric characters.
97, followed by thirteen alphanumeric characters.</t>
  </si>
  <si>
    <t>04, followed by thirteen alphanumeric characters.
99, followed by thirteen alphanumeric characters.
97, followed by thirteen alphanumeric characters.</t>
  </si>
  <si>
    <t>22, followed by thirteen alphanumeric characters.
99, followed by thirteen alphanumeric characters.
97, followed by thirteen alphanumeric characters.</t>
  </si>
  <si>
    <t>26, followed by thirteen alphanumeric characters.
99, followed by thirteen alphanumeric characters.
97, followed by thirteen alphanumeric characters.</t>
  </si>
  <si>
    <t>07, followed by thirteen alphanumeric characters.
99, followed by thirteen alphanumeric characters.
97, followed by thirteen alphanumeric characters.</t>
  </si>
  <si>
    <t>30, followed by thirteen alphanumeric characters.
99, followed by thirteen alphanumeric characters.
97, followed by thirteen alphanumeric characters.</t>
  </si>
  <si>
    <t>24, followed by thirteen alphanumeric characters.
99, followed by thirteen alphanumeric characters.
97, followed by thirteen alphanumeric characters.</t>
  </si>
  <si>
    <t>06, followed by thirteen alphanumeric characters.
99, followed by thirteen alphanumeric characters.
97, followed by thirteen alphanumeric characters.</t>
  </si>
  <si>
    <t>02, followed by thirteen alphanumeric characters.
99, followed by thirteen alphanumeric characters.
97, followed by thirteen alphanumeric characters.</t>
  </si>
  <si>
    <t>01, followed by thirteen alphanumeric characters.
99, followed by thirteen alphanumeric characters.
97, followed by thirteen alphanumeric characters.</t>
  </si>
  <si>
    <t>20, followed by thirteen alphanumeric characters.
99, followed by thirteen alphanumeric characters.
97, followed by thirteen alphanumeric characters.</t>
  </si>
  <si>
    <t>29, followed by thirteen alphanumeric characters.
99, followed by thirteen alphanumeric characters.
97, followed by thirteen alphanumeric characters.</t>
  </si>
  <si>
    <t>32, followed by thirteen alphanumeric characters.
99, followed by thirteen alphanumeric characters.
97, followed by thirteen alphanumeric characters.</t>
  </si>
  <si>
    <t>31, followed by thirteen alphanumeric characters.
99, followed by thirteen alphanumeric characters.
97, followed by thirteen alphanumeric characters.</t>
  </si>
  <si>
    <t>23, followed by thirteen alphanumeric characters.
99, followed by thirteen alphanumeric characters.
97, followed by thirteen alphanumeric characters.</t>
  </si>
  <si>
    <t>27, followed by thirteen alphanumeric characters.
99, followed by thirteen alphanumeric characters.
97, followed by thirteen alphanumeric characters.</t>
  </si>
  <si>
    <t>14, followed by thirteen alphanumeric characters.
99, followed by thirteen alphanumeric characters.
97, followed by thirteen alphanumeric characters.</t>
  </si>
  <si>
    <r>
      <t>17, followed by thirteen alphanumeric characters.
99, followed by thirteen alphanumeric characters</t>
    </r>
    <r>
      <rPr>
        <b/>
        <sz val="11"/>
        <color rgb="FF000000"/>
        <rFont val="Calibri"/>
        <family val="2"/>
        <scheme val="minor"/>
      </rPr>
      <t>.</t>
    </r>
    <r>
      <rPr>
        <sz val="11"/>
        <color rgb="FF000000"/>
        <rFont val="Calibri"/>
        <family val="2"/>
        <scheme val="minor"/>
      </rPr>
      <t xml:space="preserve">
97, followed by thirteen alphanumeric characters.</t>
    </r>
  </si>
  <si>
    <t>15, followed by thirteen alphanumeric characters.
99, followed by thirteen alphanumeric characters.
97, followed by thirteen alphanumeric characters.</t>
  </si>
  <si>
    <t>13, followed by thirteen alphanumeric characters.
99, followed by thirteen alphanumeric characters.
97, followed by thirteen alphanumeric characters.</t>
  </si>
  <si>
    <t>21, followed by thirteen alphanumeric characters.
99, followed by thirteen alphanumeric characters.
97, followed by thirteen alphanumeric characters.</t>
  </si>
  <si>
    <t>34, followed by thirteen alphanumeric characters.
99, followed by thirteen alphanumeric characters.
97, followed by thirteen alphanumeric characters.</t>
  </si>
  <si>
    <t>03, followed by thirteen alphanumeric characters.
99, followed by thirteen alphanumeric characters.
97, followed by thirteen alphanumeric characters.</t>
  </si>
  <si>
    <t>08, followed by thirteen alphanumeric characters.
99, followed by thirteen alphanumeric characters.
97, followed by thirteen alphanumeric characters.</t>
  </si>
  <si>
    <t>11, followed by thirteen alphanumeric characters.
99, followed by thirteen alphanumeric characters.
97, followed by thirteen alphanumeric characters.</t>
  </si>
  <si>
    <t>33, followed by thirteen alphanumeric characters.
99, followed by thirteen alphanumeric characters.
97, followed by thirteen alphanumeric characters.</t>
  </si>
  <si>
    <t>36, followed by thirteen alphanumeric characters.
99, followed by thirteen alphanumeric characters.
97, followed by thirteen alphanumeric characters.</t>
  </si>
  <si>
    <t>16, followed by thirteen alphanumeric characters.
99, followed by thirteen alphanumeric characters.
97, followed by thirteen alphanumeric characters.</t>
  </si>
  <si>
    <t>09, followed by thirteen alphanumeric characters.
99, followed by thirteen alphanumeric characters.
97, followed by thirteen alphanumeric characters.</t>
  </si>
  <si>
    <t>05, followed by thirteen alphanumeric characters.
99, followed by thirteen alphanumeric characters.
97, followed by thirteen alphanumeric characters.</t>
  </si>
  <si>
    <t>19, followed by thirteen alphanumeric characters.
99, followed by thirteen alphanumeric characters.
97, followed by thirteen alphanumeric characters.</t>
  </si>
  <si>
    <t>35AAAAA0000A1Z0; 3500005555ZZZ12
99AAAAA0000A1Z0; 9900005555ZZZ12
97AAAAA0000A2Z0; 9700005555ZZZ13</t>
  </si>
  <si>
    <t>37AAAAA0000A1Z0; 3700005555ZZZ12
99AAAAA0000A1Z0; 9900005555ZZZ12
97AAAAA0000A2Z0; 9700005555ZZZ13</t>
  </si>
  <si>
    <t>12AAAAA0000A1Z0; 1200005555ZZZ12
99AAAAA0000A1Z0; 9900005555ZZZ12
97AAAAA0000A2Z0; 9700005555ZZZ13</t>
  </si>
  <si>
    <t>18AAAAA0000A1Z0; 1800005555ZZZ12
99AAAAA0000A1Z0; 9900005555ZZZ12
97AAAAA0000A2Z0; 9700005555ZZZ13</t>
  </si>
  <si>
    <t>10AAAAA0000A1Z0; 10A0005555ZZZ12
99AAAAA0000A1Z0; 99A0005555ZZZ12
97AAAAA0000A2Z0; 9700005555ZZZ13</t>
  </si>
  <si>
    <t>04AAAAA0000A1Z0; 04A0005555ZZZ12
99AAAAA0000A1Z0; 99A0005555ZZZ12
97AAAAA0000A2Z0; 9700005555ZZZ13</t>
  </si>
  <si>
    <t>22AAAAA0000A1Z0; 22A0005555ZZZ12
99AAAAA0000A1Z0; 99A0005555ZZZ12
97AAAAA0000A2Z0; 9700005555ZZZ13</t>
  </si>
  <si>
    <t>26AAAAA0000A1Z0; 26A0005555ZZZ12
99AAAAA0000A1Z0; 99A0005555ZZZ12
97AAAAA0000A2Z0; 9700005555ZZZ13</t>
  </si>
  <si>
    <t>07AAAAA0000A1Z0; 07A0005555ZZZ12
99AAAAA0000A1Z0; 99A0005555ZZZ12
97AAAAA0000A2Z0; 9700005555ZZZ13</t>
  </si>
  <si>
    <t>30AAAAA0000A1Z0; 30A0005555ZZZ12
99AAAAA0000A1Z0; 99A0005555ZZZ12
97AAAAA0000A2Z0; 9700005555ZZZ13</t>
  </si>
  <si>
    <t>24AAAAA0000A1Z0; 24A0005555ZZZ12
99AAAAA0000A1Z0; 99A0005555ZZZ12
97AAAAA0000A2Z0; 9700005555ZZZ13</t>
  </si>
  <si>
    <t>06AAAAA0000A1Z0; 06A0005555ZZZ12
99AAAAA0000A1Z0; 99A0005555ZZZ12
97AAAAA0000A2Z0; 9700005555ZZZ13</t>
  </si>
  <si>
    <t>02AAAAA0000A1Z0; 02A0005555ZZZ12
99AAAAA0000A1Z0; 99A0005555ZZZ12
97AAAAA0000A2Z0; 9700005555ZZZ13</t>
  </si>
  <si>
    <t>01AAAAA0000A1Z0; 01A0005555ZZZ12
991AAAAA0000A1Z0; 99A0005555ZZZ12
97AAAAA0000A2Z0; 9700005555ZZZ13</t>
  </si>
  <si>
    <t>20AAAAA0000A1Z0; 20A0005555ZZZ12
99AAAAA0000A1Z0; 99A0005555ZZZ12
97AAAAA0000A2Z0; 9700005555ZZZ13</t>
  </si>
  <si>
    <t>29AAAAA0000A1Z0; 29A0005555ZZZ12
99AAAAA0000A1Z0; 99A0005555ZZZ12
97AAAAA0000A2Z0; 9700005555ZZZ13</t>
  </si>
  <si>
    <t xml:space="preserve">32AAAAA0000A1Z0; 32A0005555ZZZ12
99AAAAA0000A1Z0; 99A0005555ZZZ12
97AAAAA0000A2Z0; 9700005555ZZZ13
</t>
  </si>
  <si>
    <t>31AAAAA0000A1Z0; 31A0005555ZZZ12
99AAAAA0000A1Z0; 99A0005555ZZZ12
97AAAAA0000A2Z0; 9700005555ZZZ13</t>
  </si>
  <si>
    <t xml:space="preserve">23AAAAA0000A1Z0; 23A0005555ZZZ12
99AAAAA0000A1Z0; 99A0005555ZZZ12
97AAAAA0000A2Z0; 9700005555ZZZ13
</t>
  </si>
  <si>
    <t>27AAAAA0000A1Z0; 27A0005555ZZZ12
99AAAAA0000A1Z0; 99A0005555ZZZ12
97AAAAA0000A2Z0; 9700005555ZZZ13</t>
  </si>
  <si>
    <t>14AAAAA0000A1Z0; 14A0005555ZZZ12
99AAAAA0000A1Z0; 99A0005555ZZZ12
97AAAAA0000A2Z0; 9700005555ZZZ13</t>
  </si>
  <si>
    <t>17AAAAA0000A1Z0; 17A0005555ZZZ12
99AAAAA0000A1Z0; 99A0005555ZZZ12
97AAAAA0000A2Z0; 9700005555ZZZ13</t>
  </si>
  <si>
    <t>15AAAAA0000A1Z0; 15A0005555ZZZ12
99AAAAA0000A1Z0; 99A0005555ZZZ12
97AAAAA0000A2Z0; 9700005555ZZZ13</t>
  </si>
  <si>
    <t>13AAAAA0000A1Z0; 13A0005555ZZZ12
99AAAAA0000A1Z0; 99A0005555ZZZ12
97AAAAA0000A2Z0; 9700005555ZZZ13</t>
  </si>
  <si>
    <t>21AAAAA0000A1Z0; 21A0005555ZZZ12
99AAAAA0000A1Z0; 99A0005555ZZZ12
97AAAAA0000A2Z0; 9700005555ZZZ13</t>
  </si>
  <si>
    <t>34AAAAA0000A1Z0; 34A0005555ZZZ12
99AAAAA0000A1Z0; 99A0005555ZZZ12
97AAAAA0000A2Z0; 9700005555ZZZ13</t>
  </si>
  <si>
    <t>03AAAAA0000A1Z0; 03A0005555ZZZ12
99AAAAA0000A1Z0; 99A0005555ZZZ12
97AAAAA0000A2Z0; 9700005555ZZZ13</t>
  </si>
  <si>
    <t>08AAAAA0000A1Z0; 08A0005555ZZZ12
99AAAAA0000A1Z0; 99A0005555ZZZ12
97AAAAA0000A2Z0; 9700005555ZZZ13</t>
  </si>
  <si>
    <t>11AAAAA0000A1Z0; 11A0005555ZZZ12
99AAAAA0000A1Z0; 99A0005555ZZZ12
97AAAAA0000A2Z0; 9700005555ZZZ13</t>
  </si>
  <si>
    <t>33AAAAA0000A1Z0; 33A0005555ZZZ12
99AAAAA0000A1Z0; 99A0005555ZZZ12
97AAAAA0000A2Z0; 9700005555ZZZ13</t>
  </si>
  <si>
    <t>36AAAAA0000A1Z0; 36A0005555ZZZ12
99AAAAA0000A1Z0; 99A0005555ZZZ12
97AAAAA0000A2Z0; 9700005555ZZZ13</t>
  </si>
  <si>
    <t>16AAAAA0000A1Z0; 16A0005555ZZZ12
99AAAAA0000A1Z0; 99A0005555ZZZ12
97AAAAA0000A2Z0; 9700005555ZZZ13</t>
  </si>
  <si>
    <t>09AAAAA0000A1Z0; 09A0005555ZZZ12
99AAAAA0000A1Z0; 99A0005555ZZZ12
97AAAAA0000A2Z0; 9700005555ZZZ13</t>
  </si>
  <si>
    <t>05AAAAA0000A1Z0; 05A0005555ZZZ12
99AAAAA0000A1Z0; 99A0005555ZZZ12
97AAAAA0000A2Z0; 9700005555ZZZ13</t>
  </si>
  <si>
    <t>19AAAAA0000A1Z0; 19A0005555ZZZ12
99AAAAA0000A1Z0; 99A0005555ZZZ12
97AAAAA0000A2Z0; 9700005555ZZZ13</t>
  </si>
  <si>
    <t>REGISTRATION MASKS IN DETERMINATION
ONESOURCE Indirect Tax
2023.06.1</t>
  </si>
  <si>
    <t>Digit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color theme="1"/>
      <name val="Calibri"/>
      <family val="2"/>
      <scheme val="minor"/>
    </font>
    <font>
      <b/>
      <sz val="12"/>
      <color rgb="FF984806"/>
      <name val="Times New Roman"/>
      <family val="1"/>
    </font>
    <font>
      <sz val="10"/>
      <color rgb="FF333333"/>
      <name val="Arial"/>
      <family val="2"/>
    </font>
    <font>
      <sz val="10"/>
      <color theme="1"/>
      <name val="Arial"/>
      <family val="2"/>
    </font>
    <font>
      <sz val="10"/>
      <name val="Arial"/>
      <family val="2"/>
    </font>
    <font>
      <sz val="11"/>
      <color theme="1"/>
      <name val="Arial"/>
      <family val="2"/>
    </font>
    <font>
      <sz val="11"/>
      <color rgb="FF000000"/>
      <name val="Arial"/>
      <family val="2"/>
    </font>
    <font>
      <sz val="12"/>
      <color theme="1"/>
      <name val="Arial"/>
      <family val="2"/>
    </font>
    <font>
      <sz val="11"/>
      <color rgb="FF000000"/>
      <name val="Calibri"/>
      <family val="2"/>
      <scheme val="minor"/>
    </font>
    <font>
      <sz val="10"/>
      <color theme="1"/>
      <name val="Calibri"/>
      <family val="2"/>
      <scheme val="minor"/>
    </font>
    <font>
      <b/>
      <sz val="11"/>
      <color rgb="FF000000"/>
      <name val="Calibri"/>
      <family val="2"/>
      <scheme val="minor"/>
    </font>
    <font>
      <sz val="10"/>
      <color rgb="FF333333"/>
      <name val="Calibri"/>
      <family val="2"/>
      <scheme val="minor"/>
    </font>
    <font>
      <sz val="12"/>
      <color theme="1"/>
      <name val="Times New Roman"/>
      <family val="1"/>
    </font>
    <font>
      <sz val="11"/>
      <color rgb="FF000000"/>
      <name val="Calibri"/>
      <family val="2"/>
    </font>
    <font>
      <sz val="11"/>
      <name val="Calibri"/>
      <family val="2"/>
      <scheme val="minor"/>
    </font>
    <font>
      <sz val="10.5"/>
      <name val="Arial"/>
      <family val="2"/>
    </font>
  </fonts>
  <fills count="4">
    <fill>
      <patternFill patternType="none"/>
    </fill>
    <fill>
      <patternFill patternType="gray125"/>
    </fill>
    <fill>
      <patternFill patternType="solid">
        <fgColor rgb="FFF79646"/>
        <bgColor indexed="64"/>
      </patternFill>
    </fill>
    <fill>
      <patternFill patternType="solid">
        <fgColor rgb="FFFFFF00"/>
        <bgColor indexed="64"/>
      </patternFill>
    </fill>
  </fills>
  <borders count="12">
    <border>
      <left/>
      <right/>
      <top/>
      <bottom/>
      <diagonal/>
    </border>
    <border>
      <left style="medium">
        <color rgb="FFF79646"/>
      </left>
      <right/>
      <top style="medium">
        <color rgb="FFF79646"/>
      </top>
      <bottom style="medium">
        <color rgb="FF984806"/>
      </bottom>
      <diagonal/>
    </border>
    <border>
      <left/>
      <right/>
      <top style="medium">
        <color rgb="FFF79646"/>
      </top>
      <bottom style="medium">
        <color rgb="FF984806"/>
      </bottom>
      <diagonal/>
    </border>
    <border>
      <left/>
      <right style="medium">
        <color rgb="FFF79646"/>
      </right>
      <top style="medium">
        <color rgb="FFF79646"/>
      </top>
      <bottom style="medium">
        <color rgb="FF984806"/>
      </bottom>
      <diagonal/>
    </border>
    <border>
      <left style="medium">
        <color rgb="FF984806"/>
      </left>
      <right style="medium">
        <color rgb="FF984806"/>
      </right>
      <top/>
      <bottom style="medium">
        <color rgb="FF984806"/>
      </bottom>
      <diagonal/>
    </border>
    <border>
      <left/>
      <right style="medium">
        <color rgb="FF984806"/>
      </right>
      <top/>
      <bottom style="medium">
        <color rgb="FF984806"/>
      </bottom>
      <diagonal/>
    </border>
    <border>
      <left style="medium">
        <color rgb="FF984806"/>
      </left>
      <right style="medium">
        <color rgb="FF984806"/>
      </right>
      <top/>
      <bottom/>
      <diagonal/>
    </border>
    <border>
      <left/>
      <right style="medium">
        <color rgb="FF984806"/>
      </right>
      <top/>
      <bottom/>
      <diagonal/>
    </border>
    <border>
      <left style="medium">
        <color rgb="FF984806"/>
      </left>
      <right style="medium">
        <color rgb="FF984806"/>
      </right>
      <top style="medium">
        <color rgb="FF984806"/>
      </top>
      <bottom/>
      <diagonal/>
    </border>
    <border>
      <left style="medium">
        <color rgb="FF984806"/>
      </left>
      <right style="medium">
        <color rgb="FF984806"/>
      </right>
      <top style="medium">
        <color rgb="FF984806"/>
      </top>
      <bottom style="medium">
        <color rgb="FF984806"/>
      </bottom>
      <diagonal/>
    </border>
    <border>
      <left/>
      <right style="medium">
        <color rgb="FF984806"/>
      </right>
      <top style="medium">
        <color rgb="FF984806"/>
      </top>
      <bottom style="medium">
        <color rgb="FF984806"/>
      </bottom>
      <diagonal/>
    </border>
    <border>
      <left style="medium">
        <color rgb="FF984806"/>
      </left>
      <right style="thin">
        <color indexed="64"/>
      </right>
      <top style="medium">
        <color rgb="FF984806"/>
      </top>
      <bottom style="medium">
        <color rgb="FF984806"/>
      </bottom>
      <diagonal/>
    </border>
  </borders>
  <cellStyleXfs count="1">
    <xf numFmtId="0" fontId="0" fillId="0" borderId="0"/>
  </cellStyleXfs>
  <cellXfs count="61">
    <xf numFmtId="0" fontId="0" fillId="0" borderId="0" xfId="0"/>
    <xf numFmtId="0" fontId="1" fillId="2" borderId="3" xfId="0" applyFont="1" applyFill="1" applyBorder="1" applyAlignment="1">
      <alignment horizontal="center" vertical="center" wrapText="1"/>
    </xf>
    <xf numFmtId="0" fontId="2" fillId="0" borderId="5" xfId="0" applyFont="1" applyBorder="1" applyAlignment="1">
      <alignment vertical="center" wrapText="1"/>
    </xf>
    <xf numFmtId="0" fontId="3" fillId="0" borderId="5" xfId="0" applyFont="1" applyBorder="1" applyAlignment="1">
      <alignment vertical="center" wrapText="1"/>
    </xf>
    <xf numFmtId="0" fontId="2" fillId="0" borderId="7" xfId="0" applyFont="1" applyBorder="1" applyAlignment="1">
      <alignment vertical="center" wrapText="1"/>
    </xf>
    <xf numFmtId="0" fontId="2" fillId="0" borderId="9" xfId="0" applyFont="1" applyBorder="1" applyAlignment="1">
      <alignment vertical="center" wrapText="1"/>
    </xf>
    <xf numFmtId="0" fontId="2" fillId="0" borderId="10" xfId="0" applyFont="1" applyBorder="1" applyAlignment="1">
      <alignment vertical="center" wrapText="1"/>
    </xf>
    <xf numFmtId="0" fontId="2" fillId="0" borderId="4" xfId="0" applyFont="1" applyBorder="1" applyAlignment="1">
      <alignment vertical="center" wrapText="1"/>
    </xf>
    <xf numFmtId="0" fontId="4" fillId="0" borderId="4" xfId="0" applyFont="1" applyBorder="1" applyAlignment="1">
      <alignment vertical="center" wrapText="1"/>
    </xf>
    <xf numFmtId="0" fontId="4" fillId="0" borderId="5" xfId="0" applyFont="1" applyBorder="1" applyAlignment="1">
      <alignment vertical="center" wrapText="1"/>
    </xf>
    <xf numFmtId="0" fontId="2" fillId="0" borderId="8" xfId="0" applyFont="1" applyBorder="1" applyAlignment="1">
      <alignment vertical="center" wrapText="1"/>
    </xf>
    <xf numFmtId="0" fontId="1" fillId="2" borderId="1" xfId="0" applyFont="1" applyFill="1" applyBorder="1" applyAlignment="1">
      <alignment horizontal="center" vertical="center" wrapText="1"/>
    </xf>
    <xf numFmtId="0" fontId="1" fillId="2" borderId="2" xfId="0" applyFont="1" applyFill="1" applyBorder="1" applyAlignment="1">
      <alignment horizontal="center" vertical="center" wrapText="1"/>
    </xf>
    <xf numFmtId="0" fontId="2" fillId="0" borderId="6" xfId="0" applyFont="1" applyBorder="1" applyAlignment="1">
      <alignment vertical="center" wrapText="1"/>
    </xf>
    <xf numFmtId="0" fontId="5" fillId="0" borderId="0" xfId="0" applyFont="1"/>
    <xf numFmtId="0" fontId="6" fillId="0" borderId="0" xfId="0" applyFont="1" applyAlignment="1">
      <alignment vertical="center" wrapText="1"/>
    </xf>
    <xf numFmtId="0" fontId="6" fillId="0" borderId="0" xfId="0" applyFont="1" applyAlignment="1">
      <alignment vertical="center"/>
    </xf>
    <xf numFmtId="1" fontId="5" fillId="0" borderId="0" xfId="0" applyNumberFormat="1" applyFont="1"/>
    <xf numFmtId="0" fontId="7" fillId="0" borderId="7" xfId="0" applyFont="1" applyBorder="1" applyAlignment="1">
      <alignment vertical="center" wrapText="1"/>
    </xf>
    <xf numFmtId="0" fontId="5" fillId="0" borderId="7" xfId="0" applyFont="1" applyBorder="1" applyAlignment="1">
      <alignment vertical="center" wrapText="1"/>
    </xf>
    <xf numFmtId="0" fontId="5" fillId="0" borderId="5" xfId="0" applyFont="1" applyBorder="1" applyAlignment="1">
      <alignment vertical="center" wrapText="1"/>
    </xf>
    <xf numFmtId="0" fontId="8" fillId="0" borderId="5" xfId="0" applyFont="1" applyBorder="1" applyAlignment="1">
      <alignment vertical="center" wrapText="1"/>
    </xf>
    <xf numFmtId="0" fontId="8" fillId="0" borderId="5" xfId="0" applyFont="1" applyBorder="1" applyAlignment="1">
      <alignment horizontal="left" vertical="center" wrapText="1"/>
    </xf>
    <xf numFmtId="1" fontId="8" fillId="0" borderId="5" xfId="0" applyNumberFormat="1" applyFont="1" applyBorder="1" applyAlignment="1">
      <alignment horizontal="left" vertical="center" wrapText="1"/>
    </xf>
    <xf numFmtId="0" fontId="8" fillId="0" borderId="7" xfId="0" applyFont="1" applyBorder="1" applyAlignment="1">
      <alignment horizontal="left" vertical="center" wrapText="1"/>
    </xf>
    <xf numFmtId="49" fontId="8" fillId="0" borderId="5" xfId="0" applyNumberFormat="1" applyFont="1" applyBorder="1" applyAlignment="1">
      <alignment horizontal="left" vertical="center" wrapText="1"/>
    </xf>
    <xf numFmtId="0" fontId="9" fillId="0" borderId="11" xfId="0" applyFont="1" applyBorder="1" applyAlignment="1">
      <alignment horizontal="left" vertical="center" wrapText="1"/>
    </xf>
    <xf numFmtId="0" fontId="8" fillId="0" borderId="10" xfId="0" applyFont="1" applyBorder="1" applyAlignment="1">
      <alignment vertical="center" wrapText="1"/>
    </xf>
    <xf numFmtId="0" fontId="8" fillId="0" borderId="10" xfId="0" applyFont="1" applyBorder="1" applyAlignment="1">
      <alignment horizontal="left" vertical="center" wrapText="1"/>
    </xf>
    <xf numFmtId="0" fontId="11" fillId="0" borderId="10" xfId="0" applyFont="1" applyBorder="1" applyAlignment="1">
      <alignment vertical="center" wrapText="1"/>
    </xf>
    <xf numFmtId="0" fontId="0" fillId="0" borderId="5" xfId="0" applyBorder="1" applyAlignment="1">
      <alignment horizontal="left" vertical="center" wrapText="1"/>
    </xf>
    <xf numFmtId="0" fontId="0" fillId="0" borderId="7" xfId="0" applyBorder="1" applyAlignment="1">
      <alignment horizontal="left" vertical="center" wrapText="1"/>
    </xf>
    <xf numFmtId="1" fontId="8" fillId="0" borderId="10" xfId="0" applyNumberFormat="1" applyFont="1" applyBorder="1" applyAlignment="1">
      <alignment horizontal="left" vertical="center" wrapText="1"/>
    </xf>
    <xf numFmtId="0" fontId="13" fillId="0" borderId="9" xfId="0" applyFont="1" applyBorder="1" applyAlignment="1">
      <alignment vertical="center" wrapText="1"/>
    </xf>
    <xf numFmtId="0" fontId="13" fillId="0" borderId="10" xfId="0" applyFont="1" applyBorder="1" applyAlignment="1">
      <alignment vertical="center" wrapText="1"/>
    </xf>
    <xf numFmtId="49" fontId="8" fillId="0" borderId="10" xfId="0" applyNumberFormat="1" applyFont="1" applyBorder="1" applyAlignment="1">
      <alignment horizontal="left" vertical="center" wrapText="1"/>
    </xf>
    <xf numFmtId="0" fontId="14" fillId="0" borderId="5" xfId="0" applyFont="1" applyBorder="1" applyAlignment="1">
      <alignment vertical="center" wrapText="1"/>
    </xf>
    <xf numFmtId="0" fontId="14" fillId="0" borderId="5" xfId="0" applyFont="1" applyBorder="1" applyAlignment="1">
      <alignment horizontal="left" vertical="center" wrapText="1"/>
    </xf>
    <xf numFmtId="49" fontId="14" fillId="0" borderId="5" xfId="0" applyNumberFormat="1" applyFont="1" applyBorder="1" applyAlignment="1">
      <alignment horizontal="left" vertical="center" wrapText="1"/>
    </xf>
    <xf numFmtId="0" fontId="4" fillId="0" borderId="5" xfId="0" applyFont="1" applyBorder="1" applyAlignment="1">
      <alignment horizontal="left" vertical="center" wrapText="1"/>
    </xf>
    <xf numFmtId="0" fontId="15" fillId="0" borderId="5" xfId="0" applyFont="1" applyBorder="1" applyAlignment="1">
      <alignment vertical="center" wrapText="1"/>
    </xf>
    <xf numFmtId="0" fontId="14" fillId="0" borderId="7" xfId="0" applyFont="1" applyBorder="1" applyAlignment="1">
      <alignment horizontal="left" vertical="center" wrapText="1"/>
    </xf>
    <xf numFmtId="1" fontId="14" fillId="0" borderId="5" xfId="0" applyNumberFormat="1" applyFont="1" applyBorder="1" applyAlignment="1">
      <alignment horizontal="left" vertical="center" wrapText="1"/>
    </xf>
    <xf numFmtId="0" fontId="8" fillId="3" borderId="7" xfId="0" applyFont="1" applyFill="1" applyBorder="1" applyAlignment="1">
      <alignment horizontal="left" vertical="center" wrapText="1"/>
    </xf>
    <xf numFmtId="0" fontId="4" fillId="0" borderId="8" xfId="0" applyFont="1" applyBorder="1" applyAlignment="1">
      <alignment vertical="center" wrapText="1"/>
    </xf>
    <xf numFmtId="0" fontId="4" fillId="0" borderId="6" xfId="0" applyFont="1" applyBorder="1" applyAlignment="1">
      <alignment vertical="center" wrapText="1"/>
    </xf>
    <xf numFmtId="0" fontId="4" fillId="0" borderId="4" xfId="0" applyFont="1" applyBorder="1" applyAlignment="1">
      <alignment vertical="center" wrapText="1"/>
    </xf>
    <xf numFmtId="0" fontId="14" fillId="0" borderId="8" xfId="0" applyFont="1" applyBorder="1" applyAlignment="1">
      <alignment vertical="center" wrapText="1"/>
    </xf>
    <xf numFmtId="0" fontId="14" fillId="0" borderId="6" xfId="0" applyFont="1" applyBorder="1" applyAlignment="1">
      <alignment vertical="center" wrapText="1"/>
    </xf>
    <xf numFmtId="0" fontId="14" fillId="0" borderId="4" xfId="0" applyFont="1" applyBorder="1" applyAlignment="1">
      <alignment vertical="center" wrapText="1"/>
    </xf>
    <xf numFmtId="0" fontId="2" fillId="0" borderId="8" xfId="0" applyFont="1" applyBorder="1" applyAlignment="1">
      <alignment vertical="center" wrapText="1"/>
    </xf>
    <xf numFmtId="0" fontId="2" fillId="0" borderId="4" xfId="0" applyFont="1" applyBorder="1" applyAlignment="1">
      <alignment vertical="center" wrapText="1"/>
    </xf>
    <xf numFmtId="0" fontId="8" fillId="0" borderId="8" xfId="0" applyFont="1" applyBorder="1" applyAlignment="1">
      <alignment vertical="center" wrapText="1"/>
    </xf>
    <xf numFmtId="0" fontId="8" fillId="0" borderId="4" xfId="0" applyFont="1" applyBorder="1" applyAlignment="1">
      <alignment vertical="center" wrapText="1"/>
    </xf>
    <xf numFmtId="0" fontId="2" fillId="0" borderId="6" xfId="0" applyFont="1" applyBorder="1" applyAlignment="1">
      <alignment vertical="center" wrapText="1"/>
    </xf>
    <xf numFmtId="0" fontId="8" fillId="0" borderId="6" xfId="0" applyFont="1" applyBorder="1" applyAlignment="1">
      <alignment vertical="center" wrapText="1"/>
    </xf>
    <xf numFmtId="0" fontId="1" fillId="2" borderId="1" xfId="0" applyFont="1" applyFill="1" applyBorder="1" applyAlignment="1">
      <alignment horizontal="center" vertical="center" wrapText="1"/>
    </xf>
    <xf numFmtId="0" fontId="1" fillId="2" borderId="2" xfId="0" applyFont="1" applyFill="1" applyBorder="1" applyAlignment="1">
      <alignment horizontal="center" vertical="center" wrapText="1"/>
    </xf>
    <xf numFmtId="0" fontId="3" fillId="0" borderId="8" xfId="0" applyFont="1" applyBorder="1" applyAlignment="1">
      <alignment vertical="center" wrapText="1"/>
    </xf>
    <xf numFmtId="0" fontId="3" fillId="0" borderId="6" xfId="0" applyFont="1" applyBorder="1" applyAlignment="1">
      <alignment vertical="center" wrapText="1"/>
    </xf>
    <xf numFmtId="0" fontId="3" fillId="0" borderId="4" xfId="0" applyFont="1" applyBorder="1" applyAlignment="1">
      <alignment vertical="center" wrapText="1"/>
    </xf>
  </cellXfs>
  <cellStyles count="1">
    <cellStyle name="Normal" xfId="0" builtinId="0"/>
  </cellStyles>
  <dxfs count="0"/>
  <tableStyles count="0" defaultTableStyle="TableStyleMedium2" defaultPivotStyle="PivotStyleLight16"/>
  <colors>
    <mruColors>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styles" Target="styles.xml"/><Relationship Id="rId7" Type="http://schemas.openxmlformats.org/officeDocument/2006/relationships/customXml" Target="../customXml/item1.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alcChain" Target="calcChain.xml"/><Relationship Id="rId5" Type="http://schemas.microsoft.com/office/2017/10/relationships/person" Target="persons/person.xml"/><Relationship Id="rId4" Type="http://schemas.openxmlformats.org/officeDocument/2006/relationships/sharedStrings" Target="sharedStrings.xml"/><Relationship Id="rId9" Type="http://schemas.openxmlformats.org/officeDocument/2006/relationships/customXml" Target="../customXml/item3.xml"/></Relationships>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H472"/>
  <sheetViews>
    <sheetView tabSelected="1" zoomScaleNormal="100" workbookViewId="0">
      <selection activeCell="B7" sqref="B7"/>
    </sheetView>
  </sheetViews>
  <sheetFormatPr defaultColWidth="9.1796875" defaultRowHeight="14" x14ac:dyDescent="0.3"/>
  <cols>
    <col min="1" max="1" width="36.1796875" style="14" bestFit="1" customWidth="1"/>
    <col min="2" max="2" width="31.453125" style="14" customWidth="1"/>
    <col min="3" max="3" width="38" style="14" customWidth="1"/>
    <col min="4" max="4" width="44" style="14" customWidth="1"/>
    <col min="5" max="5" width="26.54296875" style="14" customWidth="1"/>
    <col min="6" max="6" width="57" style="14" customWidth="1"/>
    <col min="7" max="7" width="9.1796875" style="14"/>
    <col min="8" max="8" width="18.81640625" style="14" bestFit="1" customWidth="1"/>
    <col min="9" max="16384" width="9.1796875" style="14"/>
  </cols>
  <sheetData>
    <row r="1" spans="1:4" ht="60" customHeight="1" thickBot="1" x14ac:dyDescent="0.35">
      <c r="A1" s="56" t="s">
        <v>1141</v>
      </c>
      <c r="B1" s="57"/>
      <c r="C1" s="57"/>
      <c r="D1" s="57"/>
    </row>
    <row r="2" spans="1:4" ht="15.5" thickBot="1" x14ac:dyDescent="0.35">
      <c r="A2" s="11" t="s">
        <v>0</v>
      </c>
      <c r="B2" s="12" t="s">
        <v>1</v>
      </c>
      <c r="C2" s="12" t="s">
        <v>2</v>
      </c>
      <c r="D2" s="1" t="s">
        <v>3</v>
      </c>
    </row>
    <row r="3" spans="1:4" ht="15" thickBot="1" x14ac:dyDescent="0.35">
      <c r="A3" s="8" t="s">
        <v>4</v>
      </c>
      <c r="B3" s="9" t="s">
        <v>5</v>
      </c>
      <c r="C3" s="36" t="s">
        <v>6</v>
      </c>
      <c r="D3" s="37" t="s">
        <v>7</v>
      </c>
    </row>
    <row r="4" spans="1:4" ht="29.5" thickBot="1" x14ac:dyDescent="0.35">
      <c r="A4" s="8" t="s">
        <v>8</v>
      </c>
      <c r="B4" s="9" t="s">
        <v>9</v>
      </c>
      <c r="C4" s="36" t="s">
        <v>10</v>
      </c>
      <c r="D4" s="37" t="s">
        <v>11</v>
      </c>
    </row>
    <row r="5" spans="1:4" ht="15" thickBot="1" x14ac:dyDescent="0.35">
      <c r="A5" s="8" t="s">
        <v>12</v>
      </c>
      <c r="B5" s="9" t="s">
        <v>13</v>
      </c>
      <c r="C5" s="36" t="s">
        <v>14</v>
      </c>
      <c r="D5" s="42">
        <v>123456789012345</v>
      </c>
    </row>
    <row r="6" spans="1:4" ht="58.5" thickBot="1" x14ac:dyDescent="0.35">
      <c r="A6" s="8" t="s">
        <v>15</v>
      </c>
      <c r="B6" s="9" t="s">
        <v>16</v>
      </c>
      <c r="C6" s="36" t="s">
        <v>17</v>
      </c>
      <c r="D6" s="37" t="s">
        <v>18</v>
      </c>
    </row>
    <row r="7" spans="1:4" ht="58.5" thickBot="1" x14ac:dyDescent="0.35">
      <c r="A7" s="8" t="s">
        <v>19</v>
      </c>
      <c r="B7" s="9" t="s">
        <v>16</v>
      </c>
      <c r="C7" s="36" t="s">
        <v>20</v>
      </c>
      <c r="D7" s="37" t="s">
        <v>21</v>
      </c>
    </row>
    <row r="8" spans="1:4" ht="15" thickBot="1" x14ac:dyDescent="0.35">
      <c r="A8" s="8" t="s">
        <v>22</v>
      </c>
      <c r="B8" s="9" t="s">
        <v>23</v>
      </c>
      <c r="C8" s="36" t="s">
        <v>24</v>
      </c>
      <c r="D8" s="37">
        <v>1234567890</v>
      </c>
    </row>
    <row r="9" spans="1:4" ht="15" thickBot="1" x14ac:dyDescent="0.35">
      <c r="A9" s="8" t="s">
        <v>25</v>
      </c>
      <c r="B9" s="9" t="s">
        <v>23</v>
      </c>
      <c r="C9" s="36" t="s">
        <v>24</v>
      </c>
      <c r="D9" s="37">
        <v>1234567890</v>
      </c>
    </row>
    <row r="10" spans="1:4" ht="15" thickBot="1" x14ac:dyDescent="0.35">
      <c r="A10" s="8" t="s">
        <v>26</v>
      </c>
      <c r="B10" s="9" t="s">
        <v>23</v>
      </c>
      <c r="C10" s="36" t="s">
        <v>24</v>
      </c>
      <c r="D10" s="37">
        <v>1234567890</v>
      </c>
    </row>
    <row r="11" spans="1:4" ht="15" thickBot="1" x14ac:dyDescent="0.35">
      <c r="A11" s="8" t="s">
        <v>27</v>
      </c>
      <c r="B11" s="9" t="s">
        <v>28</v>
      </c>
      <c r="C11" s="36" t="s">
        <v>29</v>
      </c>
      <c r="D11" s="37">
        <v>1234567</v>
      </c>
    </row>
    <row r="12" spans="1:4" ht="44" thickBot="1" x14ac:dyDescent="0.35">
      <c r="A12" s="8" t="s">
        <v>30</v>
      </c>
      <c r="B12" s="9" t="s">
        <v>31</v>
      </c>
      <c r="C12" s="36" t="s">
        <v>32</v>
      </c>
      <c r="D12" s="37" t="s">
        <v>33</v>
      </c>
    </row>
    <row r="13" spans="1:4" ht="44" thickBot="1" x14ac:dyDescent="0.35">
      <c r="A13" s="8" t="s">
        <v>34</v>
      </c>
      <c r="B13" s="9" t="s">
        <v>31</v>
      </c>
      <c r="C13" s="36" t="s">
        <v>32</v>
      </c>
      <c r="D13" s="37" t="s">
        <v>33</v>
      </c>
    </row>
    <row r="14" spans="1:4" ht="44" thickBot="1" x14ac:dyDescent="0.35">
      <c r="A14" s="8" t="s">
        <v>35</v>
      </c>
      <c r="B14" s="9" t="s">
        <v>36</v>
      </c>
      <c r="C14" s="36" t="s">
        <v>37</v>
      </c>
      <c r="D14" s="37" t="s">
        <v>38</v>
      </c>
    </row>
    <row r="15" spans="1:4" ht="14.5" x14ac:dyDescent="0.3">
      <c r="A15" s="44" t="s">
        <v>39</v>
      </c>
      <c r="B15" s="44" t="s">
        <v>1023</v>
      </c>
      <c r="C15" s="47" t="s">
        <v>40</v>
      </c>
      <c r="D15" s="41" t="s">
        <v>41</v>
      </c>
    </row>
    <row r="16" spans="1:4" ht="14.5" x14ac:dyDescent="0.3">
      <c r="A16" s="45"/>
      <c r="B16" s="45"/>
      <c r="C16" s="48"/>
      <c r="D16" s="41" t="s">
        <v>42</v>
      </c>
    </row>
    <row r="17" spans="1:4" ht="15" thickBot="1" x14ac:dyDescent="0.35">
      <c r="A17" s="46"/>
      <c r="B17" s="46"/>
      <c r="C17" s="49"/>
      <c r="D17" s="37" t="s">
        <v>43</v>
      </c>
    </row>
    <row r="18" spans="1:4" ht="44" thickBot="1" x14ac:dyDescent="0.35">
      <c r="A18" s="7" t="s">
        <v>44</v>
      </c>
      <c r="B18" s="2" t="s">
        <v>36</v>
      </c>
      <c r="C18" s="21" t="s">
        <v>37</v>
      </c>
      <c r="D18" s="22" t="s">
        <v>38</v>
      </c>
    </row>
    <row r="19" spans="1:4" ht="44" thickBot="1" x14ac:dyDescent="0.35">
      <c r="A19" s="7" t="s">
        <v>45</v>
      </c>
      <c r="B19" s="2" t="s">
        <v>36</v>
      </c>
      <c r="C19" s="21" t="s">
        <v>37</v>
      </c>
      <c r="D19" s="22" t="s">
        <v>38</v>
      </c>
    </row>
    <row r="20" spans="1:4" ht="44" thickBot="1" x14ac:dyDescent="0.35">
      <c r="A20" s="7" t="s">
        <v>46</v>
      </c>
      <c r="B20" s="2" t="s">
        <v>36</v>
      </c>
      <c r="C20" s="21" t="s">
        <v>37</v>
      </c>
      <c r="D20" s="22" t="s">
        <v>38</v>
      </c>
    </row>
    <row r="21" spans="1:4" ht="44" thickBot="1" x14ac:dyDescent="0.35">
      <c r="A21" s="7" t="s">
        <v>47</v>
      </c>
      <c r="B21" s="2" t="s">
        <v>36</v>
      </c>
      <c r="C21" s="21" t="s">
        <v>37</v>
      </c>
      <c r="D21" s="22" t="s">
        <v>38</v>
      </c>
    </row>
    <row r="22" spans="1:4" ht="44" thickBot="1" x14ac:dyDescent="0.35">
      <c r="A22" s="7" t="s">
        <v>48</v>
      </c>
      <c r="B22" s="2" t="s">
        <v>36</v>
      </c>
      <c r="C22" s="21" t="s">
        <v>37</v>
      </c>
      <c r="D22" s="22" t="s">
        <v>38</v>
      </c>
    </row>
    <row r="23" spans="1:4" ht="44" thickBot="1" x14ac:dyDescent="0.35">
      <c r="A23" s="7" t="s">
        <v>49</v>
      </c>
      <c r="B23" s="2" t="s">
        <v>36</v>
      </c>
      <c r="C23" s="21" t="s">
        <v>37</v>
      </c>
      <c r="D23" s="22" t="s">
        <v>38</v>
      </c>
    </row>
    <row r="24" spans="1:4" ht="44" thickBot="1" x14ac:dyDescent="0.35">
      <c r="A24" s="7" t="s">
        <v>50</v>
      </c>
      <c r="B24" s="2" t="s">
        <v>36</v>
      </c>
      <c r="C24" s="21" t="s">
        <v>37</v>
      </c>
      <c r="D24" s="22" t="s">
        <v>38</v>
      </c>
    </row>
    <row r="25" spans="1:4" ht="44" thickBot="1" x14ac:dyDescent="0.35">
      <c r="A25" s="7" t="s">
        <v>51</v>
      </c>
      <c r="B25" s="2" t="s">
        <v>36</v>
      </c>
      <c r="C25" s="21" t="s">
        <v>37</v>
      </c>
      <c r="D25" s="22" t="s">
        <v>38</v>
      </c>
    </row>
    <row r="26" spans="1:4" ht="44" thickBot="1" x14ac:dyDescent="0.35">
      <c r="A26" s="7" t="s">
        <v>52</v>
      </c>
      <c r="B26" s="2" t="s">
        <v>36</v>
      </c>
      <c r="C26" s="21" t="s">
        <v>37</v>
      </c>
      <c r="D26" s="22" t="s">
        <v>38</v>
      </c>
    </row>
    <row r="27" spans="1:4" ht="44" thickBot="1" x14ac:dyDescent="0.35">
      <c r="A27" s="7" t="s">
        <v>53</v>
      </c>
      <c r="B27" s="2" t="s">
        <v>36</v>
      </c>
      <c r="C27" s="21" t="s">
        <v>37</v>
      </c>
      <c r="D27" s="22" t="s">
        <v>38</v>
      </c>
    </row>
    <row r="28" spans="1:4" ht="44" thickBot="1" x14ac:dyDescent="0.35">
      <c r="A28" s="7" t="s">
        <v>54</v>
      </c>
      <c r="B28" s="2" t="s">
        <v>36</v>
      </c>
      <c r="C28" s="21" t="s">
        <v>37</v>
      </c>
      <c r="D28" s="22" t="s">
        <v>38</v>
      </c>
    </row>
    <row r="29" spans="1:4" ht="44" thickBot="1" x14ac:dyDescent="0.35">
      <c r="A29" s="7" t="s">
        <v>55</v>
      </c>
      <c r="B29" s="2" t="s">
        <v>36</v>
      </c>
      <c r="C29" s="21" t="s">
        <v>37</v>
      </c>
      <c r="D29" s="22" t="s">
        <v>38</v>
      </c>
    </row>
    <row r="30" spans="1:4" ht="44" thickBot="1" x14ac:dyDescent="0.35">
      <c r="A30" s="7" t="s">
        <v>56</v>
      </c>
      <c r="B30" s="2" t="s">
        <v>36</v>
      </c>
      <c r="C30" s="21" t="s">
        <v>37</v>
      </c>
      <c r="D30" s="22" t="s">
        <v>38</v>
      </c>
    </row>
    <row r="31" spans="1:4" ht="73" thickBot="1" x14ac:dyDescent="0.35">
      <c r="A31" s="7" t="s">
        <v>57</v>
      </c>
      <c r="B31" s="2" t="s">
        <v>58</v>
      </c>
      <c r="C31" s="21" t="s">
        <v>59</v>
      </c>
      <c r="D31" s="22" t="s">
        <v>60</v>
      </c>
    </row>
    <row r="32" spans="1:4" ht="44" thickBot="1" x14ac:dyDescent="0.35">
      <c r="A32" s="7" t="s">
        <v>61</v>
      </c>
      <c r="B32" s="2" t="s">
        <v>36</v>
      </c>
      <c r="C32" s="21" t="s">
        <v>37</v>
      </c>
      <c r="D32" s="22" t="s">
        <v>38</v>
      </c>
    </row>
    <row r="33" spans="1:6" ht="44" thickBot="1" x14ac:dyDescent="0.35">
      <c r="A33" s="7" t="s">
        <v>62</v>
      </c>
      <c r="B33" s="2" t="s">
        <v>36</v>
      </c>
      <c r="C33" s="21" t="s">
        <v>37</v>
      </c>
      <c r="D33" s="22" t="s">
        <v>38</v>
      </c>
    </row>
    <row r="34" spans="1:6" ht="44" thickBot="1" x14ac:dyDescent="0.35">
      <c r="A34" s="7" t="s">
        <v>63</v>
      </c>
      <c r="B34" s="2" t="s">
        <v>36</v>
      </c>
      <c r="C34" s="21" t="s">
        <v>37</v>
      </c>
      <c r="D34" s="22" t="s">
        <v>38</v>
      </c>
    </row>
    <row r="35" spans="1:6" ht="44" thickBot="1" x14ac:dyDescent="0.35">
      <c r="A35" s="7" t="s">
        <v>64</v>
      </c>
      <c r="B35" s="2" t="s">
        <v>36</v>
      </c>
      <c r="C35" s="21" t="s">
        <v>37</v>
      </c>
      <c r="D35" s="22" t="s">
        <v>38</v>
      </c>
    </row>
    <row r="36" spans="1:6" ht="44" thickBot="1" x14ac:dyDescent="0.35">
      <c r="A36" s="7" t="s">
        <v>65</v>
      </c>
      <c r="B36" s="2" t="s">
        <v>36</v>
      </c>
      <c r="C36" s="21" t="s">
        <v>37</v>
      </c>
      <c r="D36" s="22" t="s">
        <v>38</v>
      </c>
    </row>
    <row r="37" spans="1:6" ht="44" thickBot="1" x14ac:dyDescent="0.35">
      <c r="A37" s="7" t="s">
        <v>66</v>
      </c>
      <c r="B37" s="2" t="s">
        <v>36</v>
      </c>
      <c r="C37" s="21" t="s">
        <v>37</v>
      </c>
      <c r="D37" s="22" t="s">
        <v>38</v>
      </c>
    </row>
    <row r="38" spans="1:6" ht="44" thickBot="1" x14ac:dyDescent="0.35">
      <c r="A38" s="7" t="s">
        <v>67</v>
      </c>
      <c r="B38" s="2" t="s">
        <v>36</v>
      </c>
      <c r="C38" s="21" t="s">
        <v>37</v>
      </c>
      <c r="D38" s="22" t="s">
        <v>38</v>
      </c>
    </row>
    <row r="39" spans="1:6" ht="44" thickBot="1" x14ac:dyDescent="0.35">
      <c r="A39" s="7" t="s">
        <v>68</v>
      </c>
      <c r="B39" s="2" t="s">
        <v>69</v>
      </c>
      <c r="C39" s="21" t="s">
        <v>70</v>
      </c>
      <c r="D39" s="22" t="s">
        <v>71</v>
      </c>
    </row>
    <row r="40" spans="1:6" ht="44" thickBot="1" x14ac:dyDescent="0.35">
      <c r="A40" s="7" t="s">
        <v>72</v>
      </c>
      <c r="B40" s="2" t="s">
        <v>36</v>
      </c>
      <c r="C40" s="21" t="s">
        <v>37</v>
      </c>
      <c r="D40" s="22" t="s">
        <v>38</v>
      </c>
    </row>
    <row r="41" spans="1:6" ht="44" thickBot="1" x14ac:dyDescent="0.35">
      <c r="A41" s="7" t="s">
        <v>73</v>
      </c>
      <c r="B41" s="2" t="s">
        <v>36</v>
      </c>
      <c r="C41" s="21" t="s">
        <v>37</v>
      </c>
      <c r="D41" s="22" t="s">
        <v>38</v>
      </c>
    </row>
    <row r="42" spans="1:6" ht="15" thickBot="1" x14ac:dyDescent="0.35">
      <c r="A42" s="7" t="s">
        <v>74</v>
      </c>
      <c r="B42" s="2" t="s">
        <v>75</v>
      </c>
      <c r="C42" s="21" t="s">
        <v>76</v>
      </c>
      <c r="D42" s="22">
        <v>12345678</v>
      </c>
    </row>
    <row r="43" spans="1:6" ht="15" thickBot="1" x14ac:dyDescent="0.35">
      <c r="A43" s="7" t="s">
        <v>77</v>
      </c>
      <c r="B43" s="2" t="s">
        <v>28</v>
      </c>
      <c r="C43" s="21" t="s">
        <v>29</v>
      </c>
      <c r="D43" s="22">
        <v>1234567</v>
      </c>
      <c r="E43" s="14">
        <v>12123123123</v>
      </c>
      <c r="F43" s="14">
        <f>LEN(E43)</f>
        <v>11</v>
      </c>
    </row>
    <row r="44" spans="1:6" ht="15" thickBot="1" x14ac:dyDescent="0.35">
      <c r="A44" s="7" t="s">
        <v>78</v>
      </c>
      <c r="B44" s="2" t="s">
        <v>28</v>
      </c>
      <c r="C44" s="21" t="s">
        <v>29</v>
      </c>
      <c r="D44" s="22">
        <v>1234567</v>
      </c>
      <c r="E44" s="14">
        <v>123123123123</v>
      </c>
      <c r="F44" s="14">
        <f>LEN(E44)</f>
        <v>12</v>
      </c>
    </row>
    <row r="45" spans="1:6" ht="145.5" thickBot="1" x14ac:dyDescent="0.35">
      <c r="A45" s="7" t="s">
        <v>79</v>
      </c>
      <c r="B45" s="2" t="s">
        <v>80</v>
      </c>
      <c r="C45" s="21" t="s">
        <v>81</v>
      </c>
      <c r="D45" s="22" t="s">
        <v>82</v>
      </c>
    </row>
    <row r="46" spans="1:6" ht="77.25" customHeight="1" thickBot="1" x14ac:dyDescent="0.35">
      <c r="A46" s="7" t="s">
        <v>83</v>
      </c>
      <c r="B46" s="2" t="s">
        <v>84</v>
      </c>
      <c r="C46" s="21" t="s">
        <v>85</v>
      </c>
      <c r="D46" s="22" t="s">
        <v>86</v>
      </c>
    </row>
    <row r="47" spans="1:6" ht="77.25" customHeight="1" thickBot="1" x14ac:dyDescent="0.35">
      <c r="A47" s="7" t="s">
        <v>87</v>
      </c>
      <c r="B47" s="2" t="s">
        <v>88</v>
      </c>
      <c r="C47" s="21" t="s">
        <v>89</v>
      </c>
      <c r="D47" s="22" t="s">
        <v>90</v>
      </c>
    </row>
    <row r="48" spans="1:6" ht="77.25" customHeight="1" thickBot="1" x14ac:dyDescent="0.35">
      <c r="A48" s="7" t="s">
        <v>91</v>
      </c>
      <c r="B48" s="2" t="s">
        <v>88</v>
      </c>
      <c r="C48" s="21" t="s">
        <v>89</v>
      </c>
      <c r="D48" s="22" t="s">
        <v>90</v>
      </c>
    </row>
    <row r="49" spans="1:4" ht="15" thickBot="1" x14ac:dyDescent="0.35">
      <c r="A49" s="7" t="s">
        <v>92</v>
      </c>
      <c r="B49" s="2" t="s">
        <v>93</v>
      </c>
      <c r="C49" s="21" t="s">
        <v>94</v>
      </c>
      <c r="D49" s="22" t="s">
        <v>95</v>
      </c>
    </row>
    <row r="50" spans="1:4" ht="15" thickBot="1" x14ac:dyDescent="0.35">
      <c r="A50" s="7" t="s">
        <v>96</v>
      </c>
      <c r="B50" s="2" t="s">
        <v>97</v>
      </c>
      <c r="C50" s="21" t="s">
        <v>98</v>
      </c>
      <c r="D50" s="22">
        <v>123456789</v>
      </c>
    </row>
    <row r="51" spans="1:4" ht="15" thickBot="1" x14ac:dyDescent="0.35">
      <c r="A51" s="7" t="s">
        <v>99</v>
      </c>
      <c r="B51" s="2" t="s">
        <v>100</v>
      </c>
      <c r="C51" s="21" t="s">
        <v>101</v>
      </c>
      <c r="D51" s="23">
        <v>212345678901234</v>
      </c>
    </row>
    <row r="52" spans="1:4" ht="29.5" thickBot="1" x14ac:dyDescent="0.35">
      <c r="A52" s="7" t="s">
        <v>961</v>
      </c>
      <c r="B52" s="2" t="s">
        <v>962</v>
      </c>
      <c r="C52" s="21" t="s">
        <v>963</v>
      </c>
      <c r="D52" s="23" t="s">
        <v>852</v>
      </c>
    </row>
    <row r="53" spans="1:4" ht="15" thickBot="1" x14ac:dyDescent="0.35">
      <c r="A53" s="7" t="s">
        <v>102</v>
      </c>
      <c r="B53" s="2" t="s">
        <v>103</v>
      </c>
      <c r="C53" s="21" t="s">
        <v>104</v>
      </c>
      <c r="D53" s="22" t="s">
        <v>105</v>
      </c>
    </row>
    <row r="54" spans="1:4" ht="58.5" thickBot="1" x14ac:dyDescent="0.35">
      <c r="A54" s="7" t="s">
        <v>106</v>
      </c>
      <c r="B54" s="2" t="s">
        <v>977</v>
      </c>
      <c r="C54" s="21" t="s">
        <v>978</v>
      </c>
      <c r="D54" s="22" t="s">
        <v>981</v>
      </c>
    </row>
    <row r="55" spans="1:4" ht="58.5" thickBot="1" x14ac:dyDescent="0.35">
      <c r="A55" s="7" t="s">
        <v>107</v>
      </c>
      <c r="B55" s="2" t="s">
        <v>979</v>
      </c>
      <c r="C55" s="21" t="s">
        <v>980</v>
      </c>
      <c r="D55" s="22" t="s">
        <v>982</v>
      </c>
    </row>
    <row r="56" spans="1:4" ht="58.5" thickBot="1" x14ac:dyDescent="0.35">
      <c r="A56" s="7" t="s">
        <v>108</v>
      </c>
      <c r="B56" s="2" t="s">
        <v>979</v>
      </c>
      <c r="C56" s="21" t="s">
        <v>980</v>
      </c>
      <c r="D56" s="22" t="s">
        <v>982</v>
      </c>
    </row>
    <row r="57" spans="1:4" ht="58.5" thickBot="1" x14ac:dyDescent="0.35">
      <c r="A57" s="7" t="s">
        <v>109</v>
      </c>
      <c r="B57" s="2" t="s">
        <v>979</v>
      </c>
      <c r="C57" s="21" t="s">
        <v>980</v>
      </c>
      <c r="D57" s="22" t="s">
        <v>982</v>
      </c>
    </row>
    <row r="58" spans="1:4" ht="15" thickBot="1" x14ac:dyDescent="0.35">
      <c r="A58" s="7" t="s">
        <v>110</v>
      </c>
      <c r="B58" s="2" t="s">
        <v>111</v>
      </c>
      <c r="C58" s="21" t="s">
        <v>112</v>
      </c>
      <c r="D58" s="22" t="s">
        <v>113</v>
      </c>
    </row>
    <row r="59" spans="1:4" ht="57.65" customHeight="1" thickBot="1" x14ac:dyDescent="0.35">
      <c r="A59" s="7" t="s">
        <v>114</v>
      </c>
      <c r="B59" s="3" t="s">
        <v>97</v>
      </c>
      <c r="C59" s="21" t="s">
        <v>115</v>
      </c>
      <c r="D59" s="22">
        <v>123456789</v>
      </c>
    </row>
    <row r="60" spans="1:4" ht="44" thickBot="1" x14ac:dyDescent="0.35">
      <c r="A60" s="7" t="s">
        <v>116</v>
      </c>
      <c r="B60" s="3" t="s">
        <v>117</v>
      </c>
      <c r="C60" s="21" t="s">
        <v>118</v>
      </c>
      <c r="D60" s="22" t="s">
        <v>119</v>
      </c>
    </row>
    <row r="61" spans="1:4" ht="87.5" thickBot="1" x14ac:dyDescent="0.35">
      <c r="A61" s="7" t="s">
        <v>120</v>
      </c>
      <c r="B61" s="3" t="s">
        <v>121</v>
      </c>
      <c r="C61" s="21" t="s">
        <v>122</v>
      </c>
      <c r="D61" s="22" t="s">
        <v>123</v>
      </c>
    </row>
    <row r="62" spans="1:4" ht="15" thickBot="1" x14ac:dyDescent="0.35">
      <c r="A62" s="7" t="s">
        <v>124</v>
      </c>
      <c r="B62" s="3" t="s">
        <v>125</v>
      </c>
      <c r="C62" s="21" t="s">
        <v>126</v>
      </c>
      <c r="D62" s="23">
        <v>123456789012</v>
      </c>
    </row>
    <row r="63" spans="1:4" ht="73" thickBot="1" x14ac:dyDescent="0.35">
      <c r="A63" s="7" t="s">
        <v>127</v>
      </c>
      <c r="B63" s="2" t="s">
        <v>128</v>
      </c>
      <c r="C63" s="21" t="s">
        <v>129</v>
      </c>
      <c r="D63" s="22" t="s">
        <v>130</v>
      </c>
    </row>
    <row r="64" spans="1:4" ht="73" thickBot="1" x14ac:dyDescent="0.35">
      <c r="A64" s="7" t="s">
        <v>131</v>
      </c>
      <c r="B64" s="2" t="s">
        <v>128</v>
      </c>
      <c r="C64" s="21" t="s">
        <v>129</v>
      </c>
      <c r="D64" s="22" t="s">
        <v>130</v>
      </c>
    </row>
    <row r="65" spans="1:4" ht="73" thickBot="1" x14ac:dyDescent="0.35">
      <c r="A65" s="7" t="s">
        <v>132</v>
      </c>
      <c r="B65" s="2" t="s">
        <v>128</v>
      </c>
      <c r="C65" s="21" t="s">
        <v>129</v>
      </c>
      <c r="D65" s="22" t="s">
        <v>130</v>
      </c>
    </row>
    <row r="66" spans="1:4" ht="73" thickBot="1" x14ac:dyDescent="0.35">
      <c r="A66" s="7" t="s">
        <v>133</v>
      </c>
      <c r="B66" s="2" t="s">
        <v>128</v>
      </c>
      <c r="C66" s="21" t="s">
        <v>129</v>
      </c>
      <c r="D66" s="22" t="s">
        <v>130</v>
      </c>
    </row>
    <row r="67" spans="1:4" ht="73" thickBot="1" x14ac:dyDescent="0.35">
      <c r="A67" s="7" t="s">
        <v>134</v>
      </c>
      <c r="B67" s="2" t="s">
        <v>128</v>
      </c>
      <c r="C67" s="21" t="s">
        <v>129</v>
      </c>
      <c r="D67" s="22" t="s">
        <v>130</v>
      </c>
    </row>
    <row r="68" spans="1:4" ht="102" thickBot="1" x14ac:dyDescent="0.35">
      <c r="A68" s="7" t="s">
        <v>135</v>
      </c>
      <c r="B68" s="9" t="s">
        <v>1024</v>
      </c>
      <c r="C68" s="36" t="s">
        <v>1025</v>
      </c>
      <c r="D68" s="37" t="s">
        <v>1026</v>
      </c>
    </row>
    <row r="69" spans="1:4" ht="15" thickBot="1" x14ac:dyDescent="0.35">
      <c r="A69" s="8" t="s">
        <v>136</v>
      </c>
      <c r="B69" s="9" t="s">
        <v>1005</v>
      </c>
      <c r="C69" s="36" t="s">
        <v>1006</v>
      </c>
      <c r="D69" s="37" t="s">
        <v>1007</v>
      </c>
    </row>
    <row r="70" spans="1:4" ht="15" thickBot="1" x14ac:dyDescent="0.35">
      <c r="A70" s="8" t="s">
        <v>137</v>
      </c>
      <c r="B70" s="9" t="s">
        <v>1008</v>
      </c>
      <c r="C70" s="36" t="s">
        <v>1009</v>
      </c>
      <c r="D70" s="38" t="s">
        <v>1010</v>
      </c>
    </row>
    <row r="71" spans="1:4" ht="58.5" thickBot="1" x14ac:dyDescent="0.35">
      <c r="A71" s="7" t="s">
        <v>138</v>
      </c>
      <c r="B71" s="2" t="s">
        <v>139</v>
      </c>
      <c r="C71" s="21" t="s">
        <v>140</v>
      </c>
      <c r="D71" s="22" t="s">
        <v>141</v>
      </c>
    </row>
    <row r="72" spans="1:4" ht="58.5" thickBot="1" x14ac:dyDescent="0.35">
      <c r="A72" s="7" t="s">
        <v>142</v>
      </c>
      <c r="B72" s="2" t="s">
        <v>143</v>
      </c>
      <c r="C72" s="21" t="s">
        <v>144</v>
      </c>
      <c r="D72" s="22" t="s">
        <v>145</v>
      </c>
    </row>
    <row r="73" spans="1:4" ht="29.5" thickBot="1" x14ac:dyDescent="0.35">
      <c r="A73" s="7" t="s">
        <v>146</v>
      </c>
      <c r="B73" s="2" t="s">
        <v>147</v>
      </c>
      <c r="C73" s="21" t="s">
        <v>148</v>
      </c>
      <c r="D73" s="22" t="s">
        <v>149</v>
      </c>
    </row>
    <row r="74" spans="1:4" ht="102" thickBot="1" x14ac:dyDescent="0.35">
      <c r="A74" s="7" t="s">
        <v>150</v>
      </c>
      <c r="B74" s="9" t="s">
        <v>1027</v>
      </c>
      <c r="C74" s="36" t="s">
        <v>1028</v>
      </c>
      <c r="D74" s="37" t="s">
        <v>1029</v>
      </c>
    </row>
    <row r="75" spans="1:4" ht="15" thickBot="1" x14ac:dyDescent="0.35">
      <c r="A75" s="7" t="s">
        <v>151</v>
      </c>
      <c r="B75" s="2" t="s">
        <v>97</v>
      </c>
      <c r="C75" s="21" t="s">
        <v>115</v>
      </c>
      <c r="D75" s="22">
        <v>123456789</v>
      </c>
    </row>
    <row r="76" spans="1:4" ht="102" thickBot="1" x14ac:dyDescent="0.35">
      <c r="A76" s="7" t="s">
        <v>152</v>
      </c>
      <c r="B76" s="9" t="s">
        <v>1030</v>
      </c>
      <c r="C76" s="36" t="s">
        <v>1031</v>
      </c>
      <c r="D76" s="37" t="s">
        <v>1032</v>
      </c>
    </row>
    <row r="77" spans="1:4" ht="15" thickBot="1" x14ac:dyDescent="0.35">
      <c r="A77" s="8" t="s">
        <v>153</v>
      </c>
      <c r="B77" s="9" t="s">
        <v>1011</v>
      </c>
      <c r="C77" s="36" t="s">
        <v>1012</v>
      </c>
      <c r="D77" s="37" t="s">
        <v>1013</v>
      </c>
    </row>
    <row r="78" spans="1:4" ht="58.5" thickBot="1" x14ac:dyDescent="0.35">
      <c r="A78" s="7" t="s">
        <v>154</v>
      </c>
      <c r="B78" s="2" t="s">
        <v>155</v>
      </c>
      <c r="C78" s="21" t="s">
        <v>156</v>
      </c>
      <c r="D78" s="22" t="s">
        <v>157</v>
      </c>
    </row>
    <row r="79" spans="1:4" ht="15" thickBot="1" x14ac:dyDescent="0.35">
      <c r="A79" s="8" t="s">
        <v>158</v>
      </c>
      <c r="B79" s="9" t="s">
        <v>1014</v>
      </c>
      <c r="C79" s="36" t="s">
        <v>1015</v>
      </c>
      <c r="D79" s="37" t="s">
        <v>1016</v>
      </c>
    </row>
    <row r="80" spans="1:4" ht="58.5" thickBot="1" x14ac:dyDescent="0.35">
      <c r="A80" s="7" t="s">
        <v>159</v>
      </c>
      <c r="B80" s="2" t="s">
        <v>160</v>
      </c>
      <c r="C80" s="21" t="s">
        <v>161</v>
      </c>
      <c r="D80" s="22" t="s">
        <v>162</v>
      </c>
    </row>
    <row r="81" spans="1:4" ht="73" thickBot="1" x14ac:dyDescent="0.35">
      <c r="A81" s="8" t="s">
        <v>163</v>
      </c>
      <c r="B81" s="9" t="s">
        <v>1017</v>
      </c>
      <c r="C81" s="36" t="s">
        <v>1018</v>
      </c>
      <c r="D81" s="37" t="s">
        <v>1019</v>
      </c>
    </row>
    <row r="82" spans="1:4" ht="29.5" thickBot="1" x14ac:dyDescent="0.35">
      <c r="A82" s="7" t="s">
        <v>164</v>
      </c>
      <c r="B82" s="2" t="s">
        <v>147</v>
      </c>
      <c r="C82" s="21" t="s">
        <v>148</v>
      </c>
      <c r="D82" s="22" t="s">
        <v>165</v>
      </c>
    </row>
    <row r="83" spans="1:4" ht="29.5" thickBot="1" x14ac:dyDescent="0.35">
      <c r="A83" s="7" t="s">
        <v>166</v>
      </c>
      <c r="B83" s="2" t="s">
        <v>167</v>
      </c>
      <c r="C83" s="21" t="s">
        <v>168</v>
      </c>
      <c r="D83" s="22" t="s">
        <v>169</v>
      </c>
    </row>
    <row r="84" spans="1:4" ht="29.5" thickBot="1" x14ac:dyDescent="0.35">
      <c r="A84" s="7" t="s">
        <v>170</v>
      </c>
      <c r="B84" s="2" t="s">
        <v>171</v>
      </c>
      <c r="C84" s="21" t="s">
        <v>172</v>
      </c>
      <c r="D84" s="22" t="s">
        <v>173</v>
      </c>
    </row>
    <row r="85" spans="1:4" ht="15" thickBot="1" x14ac:dyDescent="0.35">
      <c r="A85" s="7" t="s">
        <v>174</v>
      </c>
      <c r="B85" s="2" t="s">
        <v>97</v>
      </c>
      <c r="C85" s="21" t="s">
        <v>115</v>
      </c>
      <c r="D85" s="22">
        <v>123456789</v>
      </c>
    </row>
    <row r="86" spans="1:4" ht="73" thickBot="1" x14ac:dyDescent="0.35">
      <c r="A86" s="7" t="s">
        <v>175</v>
      </c>
      <c r="B86" s="2" t="s">
        <v>128</v>
      </c>
      <c r="C86" s="21" t="s">
        <v>129</v>
      </c>
      <c r="D86" s="22" t="s">
        <v>130</v>
      </c>
    </row>
    <row r="87" spans="1:4" ht="102" thickBot="1" x14ac:dyDescent="0.35">
      <c r="A87" s="7" t="s">
        <v>176</v>
      </c>
      <c r="B87" s="9" t="s">
        <v>1033</v>
      </c>
      <c r="C87" s="36" t="s">
        <v>1034</v>
      </c>
      <c r="D87" s="37" t="s">
        <v>1035</v>
      </c>
    </row>
    <row r="88" spans="1:4" ht="29.5" thickBot="1" x14ac:dyDescent="0.35">
      <c r="A88" s="7" t="s">
        <v>177</v>
      </c>
      <c r="B88" s="2" t="s">
        <v>178</v>
      </c>
      <c r="C88" s="21" t="s">
        <v>179</v>
      </c>
      <c r="D88" s="22" t="s">
        <v>180</v>
      </c>
    </row>
    <row r="89" spans="1:4" ht="58.5" thickBot="1" x14ac:dyDescent="0.35">
      <c r="A89" s="7" t="s">
        <v>181</v>
      </c>
      <c r="B89" s="2" t="s">
        <v>182</v>
      </c>
      <c r="C89" s="21" t="s">
        <v>183</v>
      </c>
      <c r="D89" s="22" t="s">
        <v>184</v>
      </c>
    </row>
    <row r="90" spans="1:4" ht="29.5" thickBot="1" x14ac:dyDescent="0.35">
      <c r="A90" s="7" t="s">
        <v>185</v>
      </c>
      <c r="B90" s="2" t="s">
        <v>186</v>
      </c>
      <c r="C90" s="21" t="s">
        <v>187</v>
      </c>
      <c r="D90" s="22" t="s">
        <v>188</v>
      </c>
    </row>
    <row r="91" spans="1:4" ht="58.5" thickBot="1" x14ac:dyDescent="0.35">
      <c r="A91" s="8" t="s">
        <v>189</v>
      </c>
      <c r="B91" s="9" t="s">
        <v>1020</v>
      </c>
      <c r="C91" s="36" t="s">
        <v>1021</v>
      </c>
      <c r="D91" s="37" t="s">
        <v>1022</v>
      </c>
    </row>
    <row r="92" spans="1:4" ht="44" thickBot="1" x14ac:dyDescent="0.35">
      <c r="A92" s="7" t="s">
        <v>190</v>
      </c>
      <c r="B92" s="2" t="s">
        <v>191</v>
      </c>
      <c r="C92" s="21" t="s">
        <v>192</v>
      </c>
      <c r="D92" s="22" t="s">
        <v>193</v>
      </c>
    </row>
    <row r="93" spans="1:4" ht="73" thickBot="1" x14ac:dyDescent="0.35">
      <c r="A93" s="7" t="s">
        <v>194</v>
      </c>
      <c r="B93" s="2" t="s">
        <v>195</v>
      </c>
      <c r="C93" s="21" t="s">
        <v>196</v>
      </c>
      <c r="D93" s="22" t="s">
        <v>197</v>
      </c>
    </row>
    <row r="94" spans="1:4" ht="29.5" thickBot="1" x14ac:dyDescent="0.35">
      <c r="A94" s="7" t="s">
        <v>198</v>
      </c>
      <c r="B94" s="2" t="s">
        <v>147</v>
      </c>
      <c r="C94" s="21" t="s">
        <v>148</v>
      </c>
      <c r="D94" s="22" t="s">
        <v>149</v>
      </c>
    </row>
    <row r="95" spans="1:4" ht="14.5" x14ac:dyDescent="0.3">
      <c r="A95" s="50" t="s">
        <v>199</v>
      </c>
      <c r="B95" s="50" t="s">
        <v>200</v>
      </c>
      <c r="C95" s="52" t="s">
        <v>201</v>
      </c>
      <c r="D95" s="24" t="s">
        <v>202</v>
      </c>
    </row>
    <row r="96" spans="1:4" ht="15" thickBot="1" x14ac:dyDescent="0.35">
      <c r="A96" s="51"/>
      <c r="B96" s="51"/>
      <c r="C96" s="53"/>
      <c r="D96" s="22">
        <v>123456789</v>
      </c>
    </row>
    <row r="97" spans="1:4" ht="73" thickBot="1" x14ac:dyDescent="0.35">
      <c r="A97" s="7" t="s">
        <v>203</v>
      </c>
      <c r="B97" s="2" t="s">
        <v>128</v>
      </c>
      <c r="C97" s="21" t="s">
        <v>129</v>
      </c>
      <c r="D97" s="22" t="s">
        <v>130</v>
      </c>
    </row>
    <row r="98" spans="1:4" ht="73" thickBot="1" x14ac:dyDescent="0.35">
      <c r="A98" s="7" t="s">
        <v>204</v>
      </c>
      <c r="B98" s="2" t="s">
        <v>128</v>
      </c>
      <c r="C98" s="21" t="s">
        <v>129</v>
      </c>
      <c r="D98" s="22" t="s">
        <v>130</v>
      </c>
    </row>
    <row r="99" spans="1:4" ht="73" thickBot="1" x14ac:dyDescent="0.35">
      <c r="A99" s="7" t="s">
        <v>205</v>
      </c>
      <c r="B99" s="2" t="s">
        <v>128</v>
      </c>
      <c r="C99" s="21" t="s">
        <v>129</v>
      </c>
      <c r="D99" s="22" t="s">
        <v>130</v>
      </c>
    </row>
    <row r="100" spans="1:4" ht="73" thickBot="1" x14ac:dyDescent="0.35">
      <c r="A100" s="7" t="s">
        <v>206</v>
      </c>
      <c r="B100" s="2" t="s">
        <v>207</v>
      </c>
      <c r="C100" s="21" t="s">
        <v>208</v>
      </c>
      <c r="D100" s="22" t="s">
        <v>209</v>
      </c>
    </row>
    <row r="101" spans="1:4" ht="73" thickBot="1" x14ac:dyDescent="0.35">
      <c r="A101" s="7" t="s">
        <v>210</v>
      </c>
      <c r="B101" s="2" t="s">
        <v>128</v>
      </c>
      <c r="C101" s="21" t="s">
        <v>129</v>
      </c>
      <c r="D101" s="22" t="s">
        <v>130</v>
      </c>
    </row>
    <row r="102" spans="1:4" ht="73" thickBot="1" x14ac:dyDescent="0.35">
      <c r="A102" s="7" t="s">
        <v>211</v>
      </c>
      <c r="B102" s="2" t="s">
        <v>207</v>
      </c>
      <c r="C102" s="21" t="s">
        <v>208</v>
      </c>
      <c r="D102" s="22" t="s">
        <v>209</v>
      </c>
    </row>
    <row r="103" spans="1:4" ht="73" thickBot="1" x14ac:dyDescent="0.35">
      <c r="A103" s="7" t="s">
        <v>212</v>
      </c>
      <c r="B103" s="2" t="s">
        <v>207</v>
      </c>
      <c r="C103" s="21" t="s">
        <v>208</v>
      </c>
      <c r="D103" s="22" t="s">
        <v>209</v>
      </c>
    </row>
    <row r="104" spans="1:4" ht="73" thickBot="1" x14ac:dyDescent="0.35">
      <c r="A104" s="7" t="s">
        <v>213</v>
      </c>
      <c r="B104" s="2" t="s">
        <v>207</v>
      </c>
      <c r="C104" s="21" t="s">
        <v>208</v>
      </c>
      <c r="D104" s="22" t="s">
        <v>209</v>
      </c>
    </row>
    <row r="105" spans="1:4" ht="73" thickBot="1" x14ac:dyDescent="0.35">
      <c r="A105" s="7" t="s">
        <v>214</v>
      </c>
      <c r="B105" s="2" t="s">
        <v>215</v>
      </c>
      <c r="C105" s="21" t="s">
        <v>216</v>
      </c>
      <c r="D105" s="22" t="s">
        <v>217</v>
      </c>
    </row>
    <row r="106" spans="1:4" ht="73" thickBot="1" x14ac:dyDescent="0.35">
      <c r="A106" s="7" t="s">
        <v>218</v>
      </c>
      <c r="B106" s="2" t="s">
        <v>207</v>
      </c>
      <c r="C106" s="21" t="s">
        <v>208</v>
      </c>
      <c r="D106" s="22" t="s">
        <v>209</v>
      </c>
    </row>
    <row r="107" spans="1:4" ht="73" thickBot="1" x14ac:dyDescent="0.35">
      <c r="A107" s="7" t="s">
        <v>219</v>
      </c>
      <c r="B107" s="2" t="s">
        <v>207</v>
      </c>
      <c r="C107" s="21" t="s">
        <v>208</v>
      </c>
      <c r="D107" s="22" t="s">
        <v>209</v>
      </c>
    </row>
    <row r="108" spans="1:4" ht="73" thickBot="1" x14ac:dyDescent="0.35">
      <c r="A108" s="7" t="s">
        <v>220</v>
      </c>
      <c r="B108" s="2" t="s">
        <v>128</v>
      </c>
      <c r="C108" s="21" t="s">
        <v>129</v>
      </c>
      <c r="D108" s="22" t="s">
        <v>130</v>
      </c>
    </row>
    <row r="109" spans="1:4" ht="73" thickBot="1" x14ac:dyDescent="0.35">
      <c r="A109" s="7" t="s">
        <v>221</v>
      </c>
      <c r="B109" s="2" t="s">
        <v>128</v>
      </c>
      <c r="C109" s="21" t="s">
        <v>129</v>
      </c>
      <c r="D109" s="22" t="s">
        <v>130</v>
      </c>
    </row>
    <row r="110" spans="1:4" ht="73" thickBot="1" x14ac:dyDescent="0.35">
      <c r="A110" s="7" t="s">
        <v>222</v>
      </c>
      <c r="B110" s="2" t="s">
        <v>128</v>
      </c>
      <c r="C110" s="21" t="s">
        <v>129</v>
      </c>
      <c r="D110" s="22" t="s">
        <v>130</v>
      </c>
    </row>
    <row r="111" spans="1:4" ht="73" thickBot="1" x14ac:dyDescent="0.35">
      <c r="A111" s="7" t="s">
        <v>223</v>
      </c>
      <c r="B111" s="2" t="s">
        <v>128</v>
      </c>
      <c r="C111" s="21" t="s">
        <v>129</v>
      </c>
      <c r="D111" s="22" t="s">
        <v>130</v>
      </c>
    </row>
    <row r="112" spans="1:4" ht="48" customHeight="1" x14ac:dyDescent="0.3">
      <c r="A112" s="50" t="s">
        <v>224</v>
      </c>
      <c r="B112" s="50" t="s">
        <v>225</v>
      </c>
      <c r="C112" s="52" t="s">
        <v>226</v>
      </c>
      <c r="D112" s="24" t="s">
        <v>227</v>
      </c>
    </row>
    <row r="113" spans="1:6" ht="15" thickBot="1" x14ac:dyDescent="0.35">
      <c r="A113" s="51"/>
      <c r="B113" s="51"/>
      <c r="C113" s="53"/>
      <c r="D113" s="22" t="s">
        <v>228</v>
      </c>
    </row>
    <row r="114" spans="1:6" ht="90" customHeight="1" thickBot="1" x14ac:dyDescent="0.35">
      <c r="A114" s="7" t="s">
        <v>229</v>
      </c>
      <c r="B114" s="2" t="s">
        <v>225</v>
      </c>
      <c r="C114" s="21" t="s">
        <v>226</v>
      </c>
      <c r="D114" s="22" t="s">
        <v>230</v>
      </c>
    </row>
    <row r="115" spans="1:6" ht="73" thickBot="1" x14ac:dyDescent="0.35">
      <c r="A115" s="7" t="s">
        <v>231</v>
      </c>
      <c r="B115" s="2" t="s">
        <v>232</v>
      </c>
      <c r="C115" s="21" t="s">
        <v>233</v>
      </c>
      <c r="D115" s="22" t="s">
        <v>234</v>
      </c>
    </row>
    <row r="116" spans="1:6" ht="29.5" thickBot="1" x14ac:dyDescent="0.35">
      <c r="A116" s="7" t="s">
        <v>235</v>
      </c>
      <c r="B116" s="2" t="s">
        <v>236</v>
      </c>
      <c r="C116" s="21" t="s">
        <v>237</v>
      </c>
      <c r="D116" s="22" t="s">
        <v>238</v>
      </c>
    </row>
    <row r="117" spans="1:6" ht="90" customHeight="1" thickBot="1" x14ac:dyDescent="0.35">
      <c r="A117" s="7" t="s">
        <v>239</v>
      </c>
      <c r="B117" s="2" t="s">
        <v>240</v>
      </c>
      <c r="C117" s="21" t="s">
        <v>241</v>
      </c>
      <c r="D117" s="22" t="s">
        <v>242</v>
      </c>
    </row>
    <row r="118" spans="1:6" ht="73" thickBot="1" x14ac:dyDescent="0.35">
      <c r="A118" s="7" t="s">
        <v>243</v>
      </c>
      <c r="B118" s="2" t="s">
        <v>232</v>
      </c>
      <c r="C118" s="21" t="s">
        <v>233</v>
      </c>
      <c r="D118" s="22" t="s">
        <v>234</v>
      </c>
    </row>
    <row r="119" spans="1:6" ht="15" thickBot="1" x14ac:dyDescent="0.35">
      <c r="A119" s="7" t="s">
        <v>244</v>
      </c>
      <c r="B119" s="2" t="s">
        <v>97</v>
      </c>
      <c r="C119" s="21" t="s">
        <v>115</v>
      </c>
      <c r="D119" s="22">
        <v>123456789</v>
      </c>
    </row>
    <row r="120" spans="1:6" ht="90" customHeight="1" thickBot="1" x14ac:dyDescent="0.35">
      <c r="A120" s="7" t="s">
        <v>245</v>
      </c>
      <c r="B120" s="2" t="s">
        <v>246</v>
      </c>
      <c r="C120" s="21" t="s">
        <v>247</v>
      </c>
      <c r="D120" s="22" t="s">
        <v>248</v>
      </c>
    </row>
    <row r="121" spans="1:6" ht="73" thickBot="1" x14ac:dyDescent="0.35">
      <c r="A121" s="7" t="s">
        <v>249</v>
      </c>
      <c r="B121" s="2" t="s">
        <v>232</v>
      </c>
      <c r="C121" s="21" t="s">
        <v>233</v>
      </c>
      <c r="D121" s="22" t="s">
        <v>234</v>
      </c>
    </row>
    <row r="122" spans="1:6" ht="44" thickBot="1" x14ac:dyDescent="0.35">
      <c r="A122" s="7" t="s">
        <v>250</v>
      </c>
      <c r="B122" s="2" t="s">
        <v>251</v>
      </c>
      <c r="C122" s="21" t="s">
        <v>252</v>
      </c>
      <c r="D122" s="22" t="s">
        <v>253</v>
      </c>
    </row>
    <row r="123" spans="1:6" ht="15" thickBot="1" x14ac:dyDescent="0.35">
      <c r="A123" s="7" t="s">
        <v>254</v>
      </c>
      <c r="B123" s="2" t="s">
        <v>255</v>
      </c>
      <c r="C123" s="21" t="s">
        <v>256</v>
      </c>
      <c r="D123" s="22" t="s">
        <v>257</v>
      </c>
    </row>
    <row r="124" spans="1:6" ht="110.25" customHeight="1" thickBot="1" x14ac:dyDescent="0.35">
      <c r="A124" s="7" t="s">
        <v>258</v>
      </c>
      <c r="B124" s="2" t="s">
        <v>259</v>
      </c>
      <c r="C124" s="21" t="s">
        <v>260</v>
      </c>
      <c r="D124" s="22" t="s">
        <v>261</v>
      </c>
      <c r="E124" s="15"/>
      <c r="F124" s="15"/>
    </row>
    <row r="125" spans="1:6" ht="87.5" thickBot="1" x14ac:dyDescent="0.35">
      <c r="A125" s="8" t="s">
        <v>262</v>
      </c>
      <c r="B125" s="9" t="s">
        <v>263</v>
      </c>
      <c r="C125" s="21" t="s">
        <v>264</v>
      </c>
      <c r="D125" s="26" t="s">
        <v>265</v>
      </c>
    </row>
    <row r="126" spans="1:6" ht="232.5" thickBot="1" x14ac:dyDescent="0.35">
      <c r="A126" s="7" t="s">
        <v>266</v>
      </c>
      <c r="B126" s="2" t="s">
        <v>267</v>
      </c>
      <c r="C126" s="21" t="s">
        <v>268</v>
      </c>
      <c r="D126" s="22" t="s">
        <v>269</v>
      </c>
    </row>
    <row r="127" spans="1:6" ht="232.5" thickBot="1" x14ac:dyDescent="0.35">
      <c r="A127" s="7" t="s">
        <v>270</v>
      </c>
      <c r="B127" s="2" t="s">
        <v>267</v>
      </c>
      <c r="C127" s="21" t="s">
        <v>268</v>
      </c>
      <c r="D127" s="22" t="s">
        <v>269</v>
      </c>
    </row>
    <row r="128" spans="1:6" ht="73" thickBot="1" x14ac:dyDescent="0.35">
      <c r="A128" s="7" t="s">
        <v>271</v>
      </c>
      <c r="B128" s="2" t="s">
        <v>272</v>
      </c>
      <c r="C128" s="21" t="s">
        <v>273</v>
      </c>
      <c r="D128" s="22" t="s">
        <v>274</v>
      </c>
    </row>
    <row r="129" spans="1:4" ht="44" thickBot="1" x14ac:dyDescent="0.35">
      <c r="A129" s="7" t="s">
        <v>275</v>
      </c>
      <c r="B129" s="2" t="s">
        <v>276</v>
      </c>
      <c r="C129" s="21" t="s">
        <v>277</v>
      </c>
      <c r="D129" s="22" t="s">
        <v>278</v>
      </c>
    </row>
    <row r="130" spans="1:4" ht="29.5" thickBot="1" x14ac:dyDescent="0.35">
      <c r="A130" s="7" t="s">
        <v>279</v>
      </c>
      <c r="B130" s="3" t="s">
        <v>280</v>
      </c>
      <c r="C130" s="21" t="s">
        <v>281</v>
      </c>
      <c r="D130" s="22" t="s">
        <v>282</v>
      </c>
    </row>
    <row r="131" spans="1:4" ht="29.5" thickBot="1" x14ac:dyDescent="0.35">
      <c r="A131" s="7" t="s">
        <v>283</v>
      </c>
      <c r="B131" s="2" t="s">
        <v>284</v>
      </c>
      <c r="C131" s="21" t="s">
        <v>285</v>
      </c>
      <c r="D131" s="22" t="s">
        <v>286</v>
      </c>
    </row>
    <row r="132" spans="1:4" ht="102" thickBot="1" x14ac:dyDescent="0.35">
      <c r="A132" s="7" t="s">
        <v>287</v>
      </c>
      <c r="B132" s="2" t="s">
        <v>288</v>
      </c>
      <c r="C132" s="21" t="s">
        <v>289</v>
      </c>
      <c r="D132" s="22" t="s">
        <v>290</v>
      </c>
    </row>
    <row r="133" spans="1:4" ht="29.5" thickBot="1" x14ac:dyDescent="0.35">
      <c r="A133" s="7" t="s">
        <v>291</v>
      </c>
      <c r="B133" s="2" t="s">
        <v>292</v>
      </c>
      <c r="C133" s="21" t="s">
        <v>293</v>
      </c>
      <c r="D133" s="22" t="s">
        <v>294</v>
      </c>
    </row>
    <row r="134" spans="1:4" ht="29.5" thickBot="1" x14ac:dyDescent="0.35">
      <c r="A134" s="7" t="s">
        <v>295</v>
      </c>
      <c r="B134" s="2" t="s">
        <v>296</v>
      </c>
      <c r="C134" s="21" t="s">
        <v>297</v>
      </c>
      <c r="D134" s="22" t="s">
        <v>298</v>
      </c>
    </row>
    <row r="135" spans="1:4" ht="29.5" thickBot="1" x14ac:dyDescent="0.35">
      <c r="A135" s="7" t="s">
        <v>299</v>
      </c>
      <c r="B135" s="2" t="s">
        <v>300</v>
      </c>
      <c r="C135" s="21" t="s">
        <v>301</v>
      </c>
      <c r="D135" s="22" t="s">
        <v>302</v>
      </c>
    </row>
    <row r="136" spans="1:4" ht="29.5" thickBot="1" x14ac:dyDescent="0.35">
      <c r="A136" s="7" t="s">
        <v>303</v>
      </c>
      <c r="B136" s="2" t="s">
        <v>300</v>
      </c>
      <c r="C136" s="21" t="s">
        <v>301</v>
      </c>
      <c r="D136" s="22" t="s">
        <v>302</v>
      </c>
    </row>
    <row r="137" spans="1:4" ht="44" thickBot="1" x14ac:dyDescent="0.35">
      <c r="A137" s="7" t="s">
        <v>304</v>
      </c>
      <c r="B137" s="2" t="s">
        <v>305</v>
      </c>
      <c r="C137" s="21" t="s">
        <v>306</v>
      </c>
      <c r="D137" s="22" t="s">
        <v>193</v>
      </c>
    </row>
    <row r="138" spans="1:4" ht="29.5" thickBot="1" x14ac:dyDescent="0.35">
      <c r="A138" s="7" t="s">
        <v>307</v>
      </c>
      <c r="B138" s="2" t="s">
        <v>308</v>
      </c>
      <c r="C138" s="21" t="s">
        <v>309</v>
      </c>
      <c r="D138" s="22" t="s">
        <v>310</v>
      </c>
    </row>
    <row r="139" spans="1:4" ht="29.5" thickBot="1" x14ac:dyDescent="0.35">
      <c r="A139" s="7" t="s">
        <v>311</v>
      </c>
      <c r="B139" s="2" t="s">
        <v>312</v>
      </c>
      <c r="C139" s="21" t="s">
        <v>313</v>
      </c>
      <c r="D139" s="22" t="s">
        <v>314</v>
      </c>
    </row>
    <row r="140" spans="1:4" ht="44" thickBot="1" x14ac:dyDescent="0.35">
      <c r="A140" s="7" t="s">
        <v>315</v>
      </c>
      <c r="B140" s="2" t="s">
        <v>316</v>
      </c>
      <c r="C140" s="21" t="s">
        <v>317</v>
      </c>
      <c r="D140" s="22" t="s">
        <v>318</v>
      </c>
    </row>
    <row r="141" spans="1:4" ht="44" thickBot="1" x14ac:dyDescent="0.35">
      <c r="A141" s="7" t="s">
        <v>319</v>
      </c>
      <c r="B141" s="2" t="s">
        <v>320</v>
      </c>
      <c r="C141" s="21" t="s">
        <v>321</v>
      </c>
      <c r="D141" s="22" t="s">
        <v>322</v>
      </c>
    </row>
    <row r="142" spans="1:4" ht="44" thickBot="1" x14ac:dyDescent="0.35">
      <c r="A142" s="7" t="s">
        <v>323</v>
      </c>
      <c r="B142" s="2" t="s">
        <v>320</v>
      </c>
      <c r="C142" s="21" t="s">
        <v>321</v>
      </c>
      <c r="D142" s="22" t="s">
        <v>322</v>
      </c>
    </row>
    <row r="143" spans="1:4" ht="29.5" thickBot="1" x14ac:dyDescent="0.35">
      <c r="A143" s="7" t="s">
        <v>324</v>
      </c>
      <c r="B143" s="2" t="s">
        <v>325</v>
      </c>
      <c r="C143" s="21" t="s">
        <v>326</v>
      </c>
      <c r="D143" s="22" t="s">
        <v>327</v>
      </c>
    </row>
    <row r="144" spans="1:4" ht="29.5" thickBot="1" x14ac:dyDescent="0.35">
      <c r="A144" s="7" t="s">
        <v>328</v>
      </c>
      <c r="B144" s="2" t="s">
        <v>329</v>
      </c>
      <c r="C144" s="21" t="s">
        <v>330</v>
      </c>
      <c r="D144" s="22" t="s">
        <v>331</v>
      </c>
    </row>
    <row r="145" spans="1:4" ht="29.5" thickBot="1" x14ac:dyDescent="0.35">
      <c r="A145" s="7" t="s">
        <v>332</v>
      </c>
      <c r="B145" s="2" t="s">
        <v>329</v>
      </c>
      <c r="C145" s="21" t="s">
        <v>330</v>
      </c>
      <c r="D145" s="22" t="s">
        <v>331</v>
      </c>
    </row>
    <row r="146" spans="1:4" ht="15" thickBot="1" x14ac:dyDescent="0.35">
      <c r="A146" s="7" t="s">
        <v>333</v>
      </c>
      <c r="B146" s="2" t="s">
        <v>334</v>
      </c>
      <c r="C146" s="21" t="s">
        <v>335</v>
      </c>
      <c r="D146" s="22" t="s">
        <v>336</v>
      </c>
    </row>
    <row r="147" spans="1:4" ht="15" thickBot="1" x14ac:dyDescent="0.35">
      <c r="A147" s="7" t="s">
        <v>337</v>
      </c>
      <c r="B147" s="2" t="s">
        <v>338</v>
      </c>
      <c r="C147" s="21" t="s">
        <v>339</v>
      </c>
      <c r="D147" s="22" t="s">
        <v>340</v>
      </c>
    </row>
    <row r="148" spans="1:4" ht="15" thickBot="1" x14ac:dyDescent="0.35">
      <c r="A148" s="7" t="s">
        <v>341</v>
      </c>
      <c r="B148" s="2" t="s">
        <v>342</v>
      </c>
      <c r="C148" s="21" t="s">
        <v>343</v>
      </c>
      <c r="D148" s="22">
        <v>1234567890123</v>
      </c>
    </row>
    <row r="149" spans="1:4" ht="116.5" thickBot="1" x14ac:dyDescent="0.35">
      <c r="A149" s="7" t="s">
        <v>344</v>
      </c>
      <c r="B149" s="2" t="s">
        <v>345</v>
      </c>
      <c r="C149" s="21" t="s">
        <v>346</v>
      </c>
      <c r="D149" s="22" t="s">
        <v>347</v>
      </c>
    </row>
    <row r="150" spans="1:4" ht="15" thickBot="1" x14ac:dyDescent="0.35">
      <c r="A150" s="7" t="s">
        <v>348</v>
      </c>
      <c r="B150" s="2" t="s">
        <v>349</v>
      </c>
      <c r="C150" s="21" t="s">
        <v>350</v>
      </c>
      <c r="D150" s="22" t="s">
        <v>351</v>
      </c>
    </row>
    <row r="151" spans="1:4" ht="29.5" thickBot="1" x14ac:dyDescent="0.35">
      <c r="A151" s="7" t="s">
        <v>352</v>
      </c>
      <c r="B151" s="2" t="s">
        <v>353</v>
      </c>
      <c r="C151" s="21" t="s">
        <v>354</v>
      </c>
      <c r="D151" s="22" t="s">
        <v>355</v>
      </c>
    </row>
    <row r="152" spans="1:4" ht="15" thickBot="1" x14ac:dyDescent="0.35">
      <c r="A152" s="7" t="s">
        <v>356</v>
      </c>
      <c r="B152" s="2" t="s">
        <v>357</v>
      </c>
      <c r="C152" s="21" t="s">
        <v>358</v>
      </c>
      <c r="D152" s="22" t="s">
        <v>359</v>
      </c>
    </row>
    <row r="153" spans="1:4" ht="15" thickBot="1" x14ac:dyDescent="0.35">
      <c r="A153" s="7" t="s">
        <v>360</v>
      </c>
      <c r="B153" s="2" t="s">
        <v>361</v>
      </c>
      <c r="C153" s="21" t="s">
        <v>362</v>
      </c>
      <c r="D153" s="22" t="s">
        <v>363</v>
      </c>
    </row>
    <row r="154" spans="1:4" ht="58.5" thickBot="1" x14ac:dyDescent="0.35">
      <c r="A154" s="7" t="s">
        <v>364</v>
      </c>
      <c r="B154" s="2" t="s">
        <v>365</v>
      </c>
      <c r="C154" s="21" t="s">
        <v>366</v>
      </c>
      <c r="D154" s="22" t="s">
        <v>367</v>
      </c>
    </row>
    <row r="155" spans="1:4" ht="29.5" thickBot="1" x14ac:dyDescent="0.35">
      <c r="A155" s="7" t="s">
        <v>368</v>
      </c>
      <c r="B155" s="2" t="s">
        <v>369</v>
      </c>
      <c r="C155" s="21" t="s">
        <v>370</v>
      </c>
      <c r="D155" s="22" t="s">
        <v>371</v>
      </c>
    </row>
    <row r="156" spans="1:4" ht="29.5" thickBot="1" x14ac:dyDescent="0.35">
      <c r="A156" s="7" t="s">
        <v>372</v>
      </c>
      <c r="B156" s="2" t="s">
        <v>373</v>
      </c>
      <c r="C156" s="21" t="s">
        <v>374</v>
      </c>
      <c r="D156" s="22" t="s">
        <v>375</v>
      </c>
    </row>
    <row r="157" spans="1:4" ht="29.5" thickBot="1" x14ac:dyDescent="0.35">
      <c r="A157" s="7" t="s">
        <v>376</v>
      </c>
      <c r="B157" s="2" t="s">
        <v>373</v>
      </c>
      <c r="C157" s="21" t="s">
        <v>374</v>
      </c>
      <c r="D157" s="22" t="s">
        <v>375</v>
      </c>
    </row>
    <row r="158" spans="1:4" ht="44" thickBot="1" x14ac:dyDescent="0.35">
      <c r="A158" s="7" t="s">
        <v>377</v>
      </c>
      <c r="B158" s="2" t="s">
        <v>378</v>
      </c>
      <c r="C158" s="21" t="s">
        <v>379</v>
      </c>
      <c r="D158" s="22" t="s">
        <v>380</v>
      </c>
    </row>
    <row r="159" spans="1:4" ht="44" thickBot="1" x14ac:dyDescent="0.35">
      <c r="A159" s="7" t="s">
        <v>381</v>
      </c>
      <c r="B159" s="2" t="s">
        <v>382</v>
      </c>
      <c r="C159" s="21" t="s">
        <v>383</v>
      </c>
      <c r="D159" s="22" t="s">
        <v>384</v>
      </c>
    </row>
    <row r="160" spans="1:4" ht="44" thickBot="1" x14ac:dyDescent="0.35">
      <c r="A160" s="7" t="s">
        <v>385</v>
      </c>
      <c r="B160" s="2" t="s">
        <v>382</v>
      </c>
      <c r="C160" s="21" t="s">
        <v>383</v>
      </c>
      <c r="D160" s="22" t="s">
        <v>384</v>
      </c>
    </row>
    <row r="161" spans="1:4" ht="44" thickBot="1" x14ac:dyDescent="0.35">
      <c r="A161" s="7" t="s">
        <v>386</v>
      </c>
      <c r="B161" s="2" t="s">
        <v>382</v>
      </c>
      <c r="C161" s="21" t="s">
        <v>383</v>
      </c>
      <c r="D161" s="22" t="s">
        <v>384</v>
      </c>
    </row>
    <row r="162" spans="1:4" ht="14.5" x14ac:dyDescent="0.3">
      <c r="A162" s="50" t="s">
        <v>387</v>
      </c>
      <c r="B162" s="50" t="s">
        <v>388</v>
      </c>
      <c r="C162" s="52" t="s">
        <v>389</v>
      </c>
      <c r="D162" s="24" t="s">
        <v>390</v>
      </c>
    </row>
    <row r="163" spans="1:4" ht="14.5" x14ac:dyDescent="0.3">
      <c r="A163" s="54"/>
      <c r="B163" s="54"/>
      <c r="C163" s="55"/>
      <c r="D163" s="24" t="s">
        <v>391</v>
      </c>
    </row>
    <row r="164" spans="1:4" ht="14.5" x14ac:dyDescent="0.3">
      <c r="A164" s="54"/>
      <c r="B164" s="54"/>
      <c r="C164" s="55"/>
      <c r="D164" s="24">
        <v>112345</v>
      </c>
    </row>
    <row r="165" spans="1:4" ht="15" thickBot="1" x14ac:dyDescent="0.35">
      <c r="A165" s="51"/>
      <c r="B165" s="51"/>
      <c r="C165" s="53"/>
      <c r="D165" s="22" t="s">
        <v>392</v>
      </c>
    </row>
    <row r="166" spans="1:4" ht="29.5" thickBot="1" x14ac:dyDescent="0.35">
      <c r="A166" s="7" t="s">
        <v>393</v>
      </c>
      <c r="B166" s="2" t="s">
        <v>394</v>
      </c>
      <c r="C166" s="21" t="s">
        <v>395</v>
      </c>
      <c r="D166" s="22" t="s">
        <v>396</v>
      </c>
    </row>
    <row r="167" spans="1:4" ht="15" thickBot="1" x14ac:dyDescent="0.35">
      <c r="A167" s="7" t="s">
        <v>397</v>
      </c>
      <c r="B167" s="2" t="s">
        <v>97</v>
      </c>
      <c r="C167" s="21" t="s">
        <v>115</v>
      </c>
      <c r="D167" s="22">
        <v>123456789</v>
      </c>
    </row>
    <row r="168" spans="1:4" ht="29.5" thickBot="1" x14ac:dyDescent="0.35">
      <c r="A168" s="7" t="s">
        <v>398</v>
      </c>
      <c r="B168" s="2" t="s">
        <v>399</v>
      </c>
      <c r="C168" s="21" t="s">
        <v>400</v>
      </c>
      <c r="D168" s="22" t="s">
        <v>401</v>
      </c>
    </row>
    <row r="169" spans="1:4" ht="29.5" thickBot="1" x14ac:dyDescent="0.35">
      <c r="A169" s="7" t="s">
        <v>402</v>
      </c>
      <c r="B169" s="2" t="s">
        <v>403</v>
      </c>
      <c r="C169" s="21" t="s">
        <v>404</v>
      </c>
      <c r="D169" s="22" t="s">
        <v>405</v>
      </c>
    </row>
    <row r="170" spans="1:4" ht="29.5" thickBot="1" x14ac:dyDescent="0.35">
      <c r="A170" s="7" t="s">
        <v>406</v>
      </c>
      <c r="B170" s="2" t="s">
        <v>403</v>
      </c>
      <c r="C170" s="21" t="s">
        <v>404</v>
      </c>
      <c r="D170" s="22" t="s">
        <v>405</v>
      </c>
    </row>
    <row r="171" spans="1:4" ht="15" thickBot="1" x14ac:dyDescent="0.35">
      <c r="A171" s="7" t="s">
        <v>407</v>
      </c>
      <c r="B171" s="2" t="s">
        <v>97</v>
      </c>
      <c r="C171" s="21" t="s">
        <v>115</v>
      </c>
      <c r="D171" s="22">
        <v>123456789</v>
      </c>
    </row>
    <row r="172" spans="1:4" ht="87.5" thickBot="1" x14ac:dyDescent="0.35">
      <c r="A172" s="7" t="s">
        <v>408</v>
      </c>
      <c r="B172" s="2" t="s">
        <v>409</v>
      </c>
      <c r="C172" s="21" t="s">
        <v>410</v>
      </c>
      <c r="D172" s="22" t="s">
        <v>411</v>
      </c>
    </row>
    <row r="173" spans="1:4" ht="87.5" thickBot="1" x14ac:dyDescent="0.35">
      <c r="A173" s="7" t="s">
        <v>412</v>
      </c>
      <c r="B173" s="2" t="s">
        <v>409</v>
      </c>
      <c r="C173" s="21" t="s">
        <v>410</v>
      </c>
      <c r="D173" s="22" t="s">
        <v>411</v>
      </c>
    </row>
    <row r="174" spans="1:4" ht="87.5" thickBot="1" x14ac:dyDescent="0.35">
      <c r="A174" s="7" t="s">
        <v>413</v>
      </c>
      <c r="B174" s="2" t="s">
        <v>409</v>
      </c>
      <c r="C174" s="21" t="s">
        <v>414</v>
      </c>
      <c r="D174" s="22" t="s">
        <v>415</v>
      </c>
    </row>
    <row r="175" spans="1:4" ht="15" thickBot="1" x14ac:dyDescent="0.35">
      <c r="A175" s="7" t="s">
        <v>416</v>
      </c>
      <c r="B175" s="2" t="s">
        <v>417</v>
      </c>
      <c r="C175" s="21" t="s">
        <v>418</v>
      </c>
      <c r="D175" s="22" t="s">
        <v>419</v>
      </c>
    </row>
    <row r="176" spans="1:4" ht="15" thickBot="1" x14ac:dyDescent="0.35">
      <c r="A176" s="7" t="s">
        <v>420</v>
      </c>
      <c r="B176" s="2" t="s">
        <v>421</v>
      </c>
      <c r="C176" s="21" t="s">
        <v>422</v>
      </c>
      <c r="D176" s="22" t="s">
        <v>423</v>
      </c>
    </row>
    <row r="177" spans="1:4" ht="15" thickBot="1" x14ac:dyDescent="0.35">
      <c r="A177" s="7" t="s">
        <v>424</v>
      </c>
      <c r="B177" s="2" t="s">
        <v>421</v>
      </c>
      <c r="C177" s="21" t="s">
        <v>422</v>
      </c>
      <c r="D177" s="22" t="s">
        <v>423</v>
      </c>
    </row>
    <row r="178" spans="1:4" ht="15" thickBot="1" x14ac:dyDescent="0.35">
      <c r="A178" s="7" t="s">
        <v>425</v>
      </c>
      <c r="B178" s="2" t="s">
        <v>421</v>
      </c>
      <c r="C178" s="21" t="s">
        <v>422</v>
      </c>
      <c r="D178" s="22" t="s">
        <v>423</v>
      </c>
    </row>
    <row r="179" spans="1:4" ht="15" thickBot="1" x14ac:dyDescent="0.35">
      <c r="A179" s="7" t="s">
        <v>426</v>
      </c>
      <c r="B179" s="2" t="s">
        <v>421</v>
      </c>
      <c r="C179" s="21" t="s">
        <v>422</v>
      </c>
      <c r="D179" s="22" t="s">
        <v>423</v>
      </c>
    </row>
    <row r="180" spans="1:4" ht="15" thickBot="1" x14ac:dyDescent="0.35">
      <c r="A180" s="7" t="s">
        <v>427</v>
      </c>
      <c r="B180" s="2" t="s">
        <v>421</v>
      </c>
      <c r="C180" s="21" t="s">
        <v>422</v>
      </c>
      <c r="D180" s="22" t="s">
        <v>423</v>
      </c>
    </row>
    <row r="181" spans="1:4" ht="15" thickBot="1" x14ac:dyDescent="0.35">
      <c r="A181" s="7" t="s">
        <v>428</v>
      </c>
      <c r="B181" s="2" t="s">
        <v>421</v>
      </c>
      <c r="C181" s="21" t="s">
        <v>422</v>
      </c>
      <c r="D181" s="22" t="s">
        <v>423</v>
      </c>
    </row>
    <row r="182" spans="1:4" ht="45.65" customHeight="1" thickBot="1" x14ac:dyDescent="0.35">
      <c r="A182" s="7" t="s">
        <v>429</v>
      </c>
      <c r="B182" s="2" t="s">
        <v>430</v>
      </c>
      <c r="C182" s="21" t="s">
        <v>431</v>
      </c>
      <c r="D182" s="22" t="s">
        <v>432</v>
      </c>
    </row>
    <row r="183" spans="1:4" ht="31.75" customHeight="1" x14ac:dyDescent="0.3">
      <c r="A183" s="50" t="s">
        <v>433</v>
      </c>
      <c r="B183" s="50" t="s">
        <v>434</v>
      </c>
      <c r="C183" s="52" t="s">
        <v>435</v>
      </c>
      <c r="D183" s="24" t="s">
        <v>436</v>
      </c>
    </row>
    <row r="184" spans="1:4" ht="15" thickBot="1" x14ac:dyDescent="0.35">
      <c r="A184" s="51"/>
      <c r="B184" s="51"/>
      <c r="C184" s="53"/>
      <c r="D184" s="22" t="s">
        <v>437</v>
      </c>
    </row>
    <row r="185" spans="1:4" ht="15" thickBot="1" x14ac:dyDescent="0.35">
      <c r="A185" s="7" t="s">
        <v>438</v>
      </c>
      <c r="B185" s="2" t="s">
        <v>439</v>
      </c>
      <c r="C185" s="21" t="s">
        <v>440</v>
      </c>
      <c r="D185" s="22" t="s">
        <v>441</v>
      </c>
    </row>
    <row r="186" spans="1:4" ht="15" thickBot="1" x14ac:dyDescent="0.35">
      <c r="A186" s="7" t="s">
        <v>442</v>
      </c>
      <c r="B186" s="2" t="s">
        <v>443</v>
      </c>
      <c r="C186" s="21" t="s">
        <v>444</v>
      </c>
      <c r="D186" s="22">
        <v>12345678901234</v>
      </c>
    </row>
    <row r="187" spans="1:4" ht="58.5" thickBot="1" x14ac:dyDescent="0.35">
      <c r="A187" s="7" t="s">
        <v>445</v>
      </c>
      <c r="B187" s="2" t="s">
        <v>446</v>
      </c>
      <c r="C187" s="21" t="s">
        <v>447</v>
      </c>
      <c r="D187" s="22" t="s">
        <v>448</v>
      </c>
    </row>
    <row r="188" spans="1:4" ht="42" customHeight="1" thickBot="1" x14ac:dyDescent="0.35">
      <c r="A188" s="7" t="s">
        <v>449</v>
      </c>
      <c r="B188" s="2" t="s">
        <v>450</v>
      </c>
      <c r="C188" s="21" t="s">
        <v>451</v>
      </c>
      <c r="D188" s="22" t="s">
        <v>452</v>
      </c>
    </row>
    <row r="189" spans="1:4" ht="58.5" thickBot="1" x14ac:dyDescent="0.35">
      <c r="A189" s="7" t="s">
        <v>453</v>
      </c>
      <c r="B189" s="2" t="s">
        <v>450</v>
      </c>
      <c r="C189" s="21" t="s">
        <v>451</v>
      </c>
      <c r="D189" s="22" t="s">
        <v>452</v>
      </c>
    </row>
    <row r="190" spans="1:4" ht="198" customHeight="1" thickBot="1" x14ac:dyDescent="0.35">
      <c r="A190" s="7" t="s">
        <v>454</v>
      </c>
      <c r="B190" s="2" t="s">
        <v>455</v>
      </c>
      <c r="C190" s="21" t="s">
        <v>456</v>
      </c>
      <c r="D190" s="22" t="s">
        <v>457</v>
      </c>
    </row>
    <row r="191" spans="1:4" ht="198" customHeight="1" thickBot="1" x14ac:dyDescent="0.35">
      <c r="A191" s="7" t="s">
        <v>458</v>
      </c>
      <c r="B191" s="2" t="s">
        <v>459</v>
      </c>
      <c r="C191" s="21" t="s">
        <v>1071</v>
      </c>
      <c r="D191" s="22" t="s">
        <v>1106</v>
      </c>
    </row>
    <row r="192" spans="1:4" ht="198" customHeight="1" thickBot="1" x14ac:dyDescent="0.35">
      <c r="A192" s="7" t="s">
        <v>460</v>
      </c>
      <c r="B192" s="2" t="s">
        <v>1036</v>
      </c>
      <c r="C192" s="21" t="s">
        <v>1072</v>
      </c>
      <c r="D192" s="22" t="s">
        <v>1107</v>
      </c>
    </row>
    <row r="193" spans="1:4" ht="198" customHeight="1" thickBot="1" x14ac:dyDescent="0.35">
      <c r="A193" s="7" t="s">
        <v>461</v>
      </c>
      <c r="B193" s="2" t="s">
        <v>1037</v>
      </c>
      <c r="C193" s="21" t="s">
        <v>1073</v>
      </c>
      <c r="D193" s="22" t="s">
        <v>1108</v>
      </c>
    </row>
    <row r="194" spans="1:4" ht="198" customHeight="1" thickBot="1" x14ac:dyDescent="0.35">
      <c r="A194" s="7" t="s">
        <v>462</v>
      </c>
      <c r="B194" s="2" t="s">
        <v>1038</v>
      </c>
      <c r="C194" s="21" t="s">
        <v>1074</v>
      </c>
      <c r="D194" s="22" t="s">
        <v>1109</v>
      </c>
    </row>
    <row r="195" spans="1:4" ht="116.5" thickBot="1" x14ac:dyDescent="0.35">
      <c r="A195" s="7" t="s">
        <v>463</v>
      </c>
      <c r="B195" s="2" t="s">
        <v>1039</v>
      </c>
      <c r="C195" s="21" t="s">
        <v>1075</v>
      </c>
      <c r="D195" s="22" t="s">
        <v>1110</v>
      </c>
    </row>
    <row r="196" spans="1:4" ht="198" customHeight="1" thickBot="1" x14ac:dyDescent="0.35">
      <c r="A196" s="7" t="s">
        <v>464</v>
      </c>
      <c r="B196" s="2" t="s">
        <v>465</v>
      </c>
      <c r="C196" s="21" t="s">
        <v>466</v>
      </c>
      <c r="D196" s="22" t="s">
        <v>467</v>
      </c>
    </row>
    <row r="197" spans="1:4" ht="198" customHeight="1" thickBot="1" x14ac:dyDescent="0.35">
      <c r="A197" s="7" t="s">
        <v>468</v>
      </c>
      <c r="B197" s="2" t="s">
        <v>1040</v>
      </c>
      <c r="C197" s="21" t="s">
        <v>1076</v>
      </c>
      <c r="D197" s="22" t="s">
        <v>1111</v>
      </c>
    </row>
    <row r="198" spans="1:4" ht="198" customHeight="1" thickBot="1" x14ac:dyDescent="0.35">
      <c r="A198" s="7" t="s">
        <v>469</v>
      </c>
      <c r="B198" s="2" t="s">
        <v>1041</v>
      </c>
      <c r="C198" s="21" t="s">
        <v>1077</v>
      </c>
      <c r="D198" s="22" t="s">
        <v>1112</v>
      </c>
    </row>
    <row r="199" spans="1:4" ht="198" customHeight="1" thickBot="1" x14ac:dyDescent="0.35">
      <c r="A199" s="7" t="s">
        <v>1043</v>
      </c>
      <c r="B199" s="2" t="s">
        <v>1042</v>
      </c>
      <c r="C199" s="21" t="s">
        <v>1078</v>
      </c>
      <c r="D199" s="22" t="s">
        <v>1113</v>
      </c>
    </row>
    <row r="200" spans="1:4" ht="198" customHeight="1" thickBot="1" x14ac:dyDescent="0.35">
      <c r="A200" s="7" t="s">
        <v>470</v>
      </c>
      <c r="B200" s="2" t="s">
        <v>1044</v>
      </c>
      <c r="C200" s="21" t="s">
        <v>1079</v>
      </c>
      <c r="D200" s="22" t="s">
        <v>1114</v>
      </c>
    </row>
    <row r="201" spans="1:4" ht="87.5" thickBot="1" x14ac:dyDescent="0.35">
      <c r="A201" s="7" t="s">
        <v>471</v>
      </c>
      <c r="B201" s="2" t="s">
        <v>465</v>
      </c>
      <c r="C201" s="21" t="s">
        <v>466</v>
      </c>
      <c r="D201" s="22" t="s">
        <v>467</v>
      </c>
    </row>
    <row r="202" spans="1:4" ht="87.5" thickBot="1" x14ac:dyDescent="0.35">
      <c r="A202" s="7" t="s">
        <v>472</v>
      </c>
      <c r="B202" s="2" t="s">
        <v>465</v>
      </c>
      <c r="C202" s="21" t="s">
        <v>466</v>
      </c>
      <c r="D202" s="22" t="s">
        <v>467</v>
      </c>
    </row>
    <row r="203" spans="1:4" ht="198" customHeight="1" thickBot="1" x14ac:dyDescent="0.35">
      <c r="A203" s="7" t="s">
        <v>473</v>
      </c>
      <c r="B203" s="2" t="s">
        <v>1045</v>
      </c>
      <c r="C203" s="21" t="s">
        <v>1080</v>
      </c>
      <c r="D203" s="22" t="s">
        <v>1115</v>
      </c>
    </row>
    <row r="204" spans="1:4" ht="198" customHeight="1" thickBot="1" x14ac:dyDescent="0.35">
      <c r="A204" s="7" t="s">
        <v>474</v>
      </c>
      <c r="B204" s="2" t="s">
        <v>1046</v>
      </c>
      <c r="C204" s="21" t="s">
        <v>1081</v>
      </c>
      <c r="D204" s="22" t="s">
        <v>1116</v>
      </c>
    </row>
    <row r="205" spans="1:4" ht="198" customHeight="1" thickBot="1" x14ac:dyDescent="0.35">
      <c r="A205" s="7" t="s">
        <v>475</v>
      </c>
      <c r="B205" s="2" t="s">
        <v>1047</v>
      </c>
      <c r="C205" s="21" t="s">
        <v>1082</v>
      </c>
      <c r="D205" s="22" t="s">
        <v>1117</v>
      </c>
    </row>
    <row r="206" spans="1:4" ht="87.5" thickBot="1" x14ac:dyDescent="0.35">
      <c r="A206" s="7" t="s">
        <v>476</v>
      </c>
      <c r="B206" s="2" t="s">
        <v>465</v>
      </c>
      <c r="C206" s="21" t="s">
        <v>466</v>
      </c>
      <c r="D206" s="22" t="s">
        <v>467</v>
      </c>
    </row>
    <row r="207" spans="1:4" ht="87.5" thickBot="1" x14ac:dyDescent="0.35">
      <c r="A207" s="7" t="s">
        <v>477</v>
      </c>
      <c r="B207" s="2" t="s">
        <v>465</v>
      </c>
      <c r="C207" s="21" t="s">
        <v>466</v>
      </c>
      <c r="D207" s="22" t="s">
        <v>467</v>
      </c>
    </row>
    <row r="208" spans="1:4" ht="198" customHeight="1" thickBot="1" x14ac:dyDescent="0.35">
      <c r="A208" s="7" t="s">
        <v>478</v>
      </c>
      <c r="B208" s="2" t="s">
        <v>1048</v>
      </c>
      <c r="C208" s="21" t="s">
        <v>1083</v>
      </c>
      <c r="D208" s="22" t="s">
        <v>1118</v>
      </c>
    </row>
    <row r="209" spans="1:4" ht="198" customHeight="1" thickBot="1" x14ac:dyDescent="0.35">
      <c r="A209" s="7" t="s">
        <v>479</v>
      </c>
      <c r="B209" s="2" t="s">
        <v>1049</v>
      </c>
      <c r="C209" s="21" t="s">
        <v>1084</v>
      </c>
      <c r="D209" s="22" t="s">
        <v>1119</v>
      </c>
    </row>
    <row r="210" spans="1:4" ht="198" customHeight="1" thickBot="1" x14ac:dyDescent="0.35">
      <c r="A210" s="7" t="s">
        <v>480</v>
      </c>
      <c r="B210" s="2" t="s">
        <v>1050</v>
      </c>
      <c r="C210" s="21" t="s">
        <v>1085</v>
      </c>
      <c r="D210" s="22" t="s">
        <v>1120</v>
      </c>
    </row>
    <row r="211" spans="1:4" ht="198" customHeight="1" thickBot="1" x14ac:dyDescent="0.35">
      <c r="A211" s="7" t="s">
        <v>481</v>
      </c>
      <c r="B211" s="2" t="s">
        <v>1051</v>
      </c>
      <c r="C211" s="21" t="s">
        <v>1086</v>
      </c>
      <c r="D211" s="22" t="s">
        <v>1121</v>
      </c>
    </row>
    <row r="212" spans="1:4" ht="198" customHeight="1" thickBot="1" x14ac:dyDescent="0.35">
      <c r="A212" s="7" t="s">
        <v>482</v>
      </c>
      <c r="B212" s="2" t="s">
        <v>1052</v>
      </c>
      <c r="C212" s="21" t="s">
        <v>1087</v>
      </c>
      <c r="D212" s="22" t="s">
        <v>1122</v>
      </c>
    </row>
    <row r="213" spans="1:4" ht="58.5" thickBot="1" x14ac:dyDescent="0.35">
      <c r="A213" s="7" t="s">
        <v>483</v>
      </c>
      <c r="B213" s="2" t="s">
        <v>484</v>
      </c>
      <c r="C213" s="21" t="s">
        <v>485</v>
      </c>
      <c r="D213" s="22" t="s">
        <v>486</v>
      </c>
    </row>
    <row r="214" spans="1:4" ht="58.5" thickBot="1" x14ac:dyDescent="0.35">
      <c r="A214" s="7" t="s">
        <v>487</v>
      </c>
      <c r="B214" s="2" t="s">
        <v>484</v>
      </c>
      <c r="C214" s="21" t="s">
        <v>485</v>
      </c>
      <c r="D214" s="22" t="s">
        <v>467</v>
      </c>
    </row>
    <row r="215" spans="1:4" ht="198" customHeight="1" thickBot="1" x14ac:dyDescent="0.35">
      <c r="A215" s="7" t="s">
        <v>488</v>
      </c>
      <c r="B215" s="2" t="s">
        <v>1053</v>
      </c>
      <c r="C215" s="21" t="s">
        <v>1088</v>
      </c>
      <c r="D215" s="22" t="s">
        <v>1123</v>
      </c>
    </row>
    <row r="216" spans="1:4" ht="198" customHeight="1" thickBot="1" x14ac:dyDescent="0.35">
      <c r="A216" s="7" t="s">
        <v>489</v>
      </c>
      <c r="B216" s="2" t="s">
        <v>1054</v>
      </c>
      <c r="C216" s="21" t="s">
        <v>1089</v>
      </c>
      <c r="D216" s="22" t="s">
        <v>1124</v>
      </c>
    </row>
    <row r="217" spans="1:4" ht="198" customHeight="1" thickBot="1" x14ac:dyDescent="0.35">
      <c r="A217" s="7" t="s">
        <v>490</v>
      </c>
      <c r="B217" s="2" t="s">
        <v>1055</v>
      </c>
      <c r="C217" s="21" t="s">
        <v>1090</v>
      </c>
      <c r="D217" s="22" t="s">
        <v>1125</v>
      </c>
    </row>
    <row r="218" spans="1:4" ht="198" customHeight="1" thickBot="1" x14ac:dyDescent="0.35">
      <c r="A218" s="7" t="s">
        <v>491</v>
      </c>
      <c r="B218" s="2" t="s">
        <v>1056</v>
      </c>
      <c r="C218" s="21" t="s">
        <v>1091</v>
      </c>
      <c r="D218" s="22" t="s">
        <v>1126</v>
      </c>
    </row>
    <row r="219" spans="1:4" ht="198" customHeight="1" thickBot="1" x14ac:dyDescent="0.35">
      <c r="A219" s="7" t="s">
        <v>492</v>
      </c>
      <c r="B219" s="2" t="s">
        <v>1057</v>
      </c>
      <c r="C219" s="21" t="s">
        <v>1092</v>
      </c>
      <c r="D219" s="22" t="s">
        <v>1127</v>
      </c>
    </row>
    <row r="220" spans="1:4" ht="198" customHeight="1" thickBot="1" x14ac:dyDescent="0.35">
      <c r="A220" s="7" t="s">
        <v>493</v>
      </c>
      <c r="B220" s="2" t="s">
        <v>1058</v>
      </c>
      <c r="C220" s="21" t="s">
        <v>1093</v>
      </c>
      <c r="D220" s="22" t="s">
        <v>1128</v>
      </c>
    </row>
    <row r="221" spans="1:4" ht="198" customHeight="1" thickBot="1" x14ac:dyDescent="0.35">
      <c r="A221" s="7" t="s">
        <v>494</v>
      </c>
      <c r="B221" s="2" t="s">
        <v>1059</v>
      </c>
      <c r="C221" s="21" t="s">
        <v>1094</v>
      </c>
      <c r="D221" s="22" t="s">
        <v>1129</v>
      </c>
    </row>
    <row r="222" spans="1:4" ht="198" customHeight="1" thickBot="1" x14ac:dyDescent="0.35">
      <c r="A222" s="7" t="s">
        <v>495</v>
      </c>
      <c r="B222" s="2" t="s">
        <v>1060</v>
      </c>
      <c r="C222" s="21" t="s">
        <v>1095</v>
      </c>
      <c r="D222" s="22" t="s">
        <v>1130</v>
      </c>
    </row>
    <row r="223" spans="1:4" ht="198" customHeight="1" thickBot="1" x14ac:dyDescent="0.35">
      <c r="A223" s="7" t="s">
        <v>496</v>
      </c>
      <c r="B223" s="2" t="s">
        <v>1061</v>
      </c>
      <c r="C223" s="21" t="s">
        <v>1096</v>
      </c>
      <c r="D223" s="22" t="s">
        <v>1131</v>
      </c>
    </row>
    <row r="224" spans="1:4" ht="198" customHeight="1" thickBot="1" x14ac:dyDescent="0.35">
      <c r="A224" s="7" t="s">
        <v>497</v>
      </c>
      <c r="B224" s="2" t="s">
        <v>1062</v>
      </c>
      <c r="C224" s="21" t="s">
        <v>1097</v>
      </c>
      <c r="D224" s="22" t="s">
        <v>1132</v>
      </c>
    </row>
    <row r="225" spans="1:4" ht="198" customHeight="1" thickBot="1" x14ac:dyDescent="0.35">
      <c r="A225" s="7" t="s">
        <v>498</v>
      </c>
      <c r="B225" s="2" t="s">
        <v>1063</v>
      </c>
      <c r="C225" s="21" t="s">
        <v>1098</v>
      </c>
      <c r="D225" s="22" t="s">
        <v>1133</v>
      </c>
    </row>
    <row r="226" spans="1:4" ht="58.5" thickBot="1" x14ac:dyDescent="0.35">
      <c r="A226" s="7" t="s">
        <v>499</v>
      </c>
      <c r="B226" s="2" t="s">
        <v>484</v>
      </c>
      <c r="C226" s="21" t="s">
        <v>485</v>
      </c>
      <c r="D226" s="22" t="s">
        <v>486</v>
      </c>
    </row>
    <row r="227" spans="1:4" ht="58.5" thickBot="1" x14ac:dyDescent="0.35">
      <c r="A227" s="39" t="s">
        <v>500</v>
      </c>
      <c r="B227" s="39" t="s">
        <v>484</v>
      </c>
      <c r="C227" s="37" t="s">
        <v>485</v>
      </c>
      <c r="D227" s="37" t="s">
        <v>486</v>
      </c>
    </row>
    <row r="228" spans="1:4" ht="198" customHeight="1" thickBot="1" x14ac:dyDescent="0.35">
      <c r="A228" s="7" t="s">
        <v>501</v>
      </c>
      <c r="B228" s="2" t="s">
        <v>1064</v>
      </c>
      <c r="C228" s="21" t="s">
        <v>1099</v>
      </c>
      <c r="D228" s="22" t="s">
        <v>1134</v>
      </c>
    </row>
    <row r="229" spans="1:4" ht="58.5" thickBot="1" x14ac:dyDescent="0.35">
      <c r="A229" s="7" t="s">
        <v>502</v>
      </c>
      <c r="B229" s="2" t="s">
        <v>484</v>
      </c>
      <c r="C229" s="21" t="s">
        <v>485</v>
      </c>
      <c r="D229" s="22" t="s">
        <v>486</v>
      </c>
    </row>
    <row r="230" spans="1:4" ht="58.5" thickBot="1" x14ac:dyDescent="0.35">
      <c r="A230" s="7" t="s">
        <v>503</v>
      </c>
      <c r="B230" s="2" t="s">
        <v>484</v>
      </c>
      <c r="C230" s="21" t="s">
        <v>485</v>
      </c>
      <c r="D230" s="22" t="s">
        <v>486</v>
      </c>
    </row>
    <row r="231" spans="1:4" ht="198" customHeight="1" thickBot="1" x14ac:dyDescent="0.35">
      <c r="A231" s="7" t="s">
        <v>504</v>
      </c>
      <c r="B231" s="2" t="s">
        <v>1065</v>
      </c>
      <c r="C231" s="21" t="s">
        <v>1100</v>
      </c>
      <c r="D231" s="22" t="s">
        <v>1135</v>
      </c>
    </row>
    <row r="232" spans="1:4" ht="198" customHeight="1" thickBot="1" x14ac:dyDescent="0.35">
      <c r="A232" s="7" t="s">
        <v>505</v>
      </c>
      <c r="B232" s="2" t="s">
        <v>1066</v>
      </c>
      <c r="C232" s="21" t="s">
        <v>1101</v>
      </c>
      <c r="D232" s="22" t="s">
        <v>1136</v>
      </c>
    </row>
    <row r="233" spans="1:4" ht="198" customHeight="1" thickBot="1" x14ac:dyDescent="0.35">
      <c r="A233" s="7" t="s">
        <v>506</v>
      </c>
      <c r="B233" s="2" t="s">
        <v>1067</v>
      </c>
      <c r="C233" s="21" t="s">
        <v>1102</v>
      </c>
      <c r="D233" s="22" t="s">
        <v>1137</v>
      </c>
    </row>
    <row r="234" spans="1:4" ht="198" customHeight="1" thickBot="1" x14ac:dyDescent="0.35">
      <c r="A234" s="7" t="s">
        <v>507</v>
      </c>
      <c r="B234" s="2" t="s">
        <v>1068</v>
      </c>
      <c r="C234" s="21" t="s">
        <v>1103</v>
      </c>
      <c r="D234" s="22" t="s">
        <v>1138</v>
      </c>
    </row>
    <row r="235" spans="1:4" ht="198" customHeight="1" thickBot="1" x14ac:dyDescent="0.35">
      <c r="A235" s="7" t="s">
        <v>508</v>
      </c>
      <c r="B235" s="2" t="s">
        <v>1069</v>
      </c>
      <c r="C235" s="21" t="s">
        <v>1104</v>
      </c>
      <c r="D235" s="22" t="s">
        <v>1139</v>
      </c>
    </row>
    <row r="236" spans="1:4" ht="198" customHeight="1" thickBot="1" x14ac:dyDescent="0.35">
      <c r="A236" s="7" t="s">
        <v>509</v>
      </c>
      <c r="B236" s="2" t="s">
        <v>1070</v>
      </c>
      <c r="C236" s="21" t="s">
        <v>1105</v>
      </c>
      <c r="D236" s="22" t="s">
        <v>1140</v>
      </c>
    </row>
    <row r="237" spans="1:4" ht="102" thickBot="1" x14ac:dyDescent="0.35">
      <c r="A237" s="7" t="s">
        <v>510</v>
      </c>
      <c r="B237" s="2" t="s">
        <v>973</v>
      </c>
      <c r="C237" s="21" t="s">
        <v>974</v>
      </c>
      <c r="D237" s="22" t="s">
        <v>975</v>
      </c>
    </row>
    <row r="238" spans="1:4" ht="102" thickBot="1" x14ac:dyDescent="0.35">
      <c r="A238" s="7" t="s">
        <v>511</v>
      </c>
      <c r="B238" s="2" t="s">
        <v>973</v>
      </c>
      <c r="C238" s="21" t="s">
        <v>976</v>
      </c>
      <c r="D238" s="22" t="s">
        <v>975</v>
      </c>
    </row>
    <row r="239" spans="1:4" ht="131" thickBot="1" x14ac:dyDescent="0.35">
      <c r="A239" s="7" t="s">
        <v>512</v>
      </c>
      <c r="B239" s="2" t="s">
        <v>513</v>
      </c>
      <c r="C239" s="21" t="s">
        <v>514</v>
      </c>
      <c r="D239" s="22" t="s">
        <v>515</v>
      </c>
    </row>
    <row r="240" spans="1:4" ht="131" thickBot="1" x14ac:dyDescent="0.35">
      <c r="A240" s="7" t="s">
        <v>516</v>
      </c>
      <c r="B240" s="2" t="s">
        <v>517</v>
      </c>
      <c r="C240" s="21" t="s">
        <v>518</v>
      </c>
      <c r="D240" s="22" t="s">
        <v>519</v>
      </c>
    </row>
    <row r="241" spans="1:4" ht="29.5" thickBot="1" x14ac:dyDescent="0.35">
      <c r="A241" s="7" t="s">
        <v>520</v>
      </c>
      <c r="B241" s="2" t="s">
        <v>983</v>
      </c>
      <c r="C241" s="21" t="s">
        <v>521</v>
      </c>
      <c r="D241" s="22" t="s">
        <v>984</v>
      </c>
    </row>
    <row r="242" spans="1:4" ht="44" thickBot="1" x14ac:dyDescent="0.35">
      <c r="A242" s="7" t="s">
        <v>522</v>
      </c>
      <c r="B242" s="2" t="s">
        <v>985</v>
      </c>
      <c r="C242" s="21" t="s">
        <v>986</v>
      </c>
      <c r="D242" s="22" t="s">
        <v>987</v>
      </c>
    </row>
    <row r="243" spans="1:4" ht="15" thickBot="1" x14ac:dyDescent="0.35">
      <c r="A243" s="7" t="s">
        <v>523</v>
      </c>
      <c r="B243" s="2" t="s">
        <v>97</v>
      </c>
      <c r="C243" s="21" t="s">
        <v>115</v>
      </c>
      <c r="D243" s="22">
        <v>123456789</v>
      </c>
    </row>
    <row r="244" spans="1:4" ht="29.5" thickBot="1" x14ac:dyDescent="0.35">
      <c r="A244" s="7" t="s">
        <v>524</v>
      </c>
      <c r="B244" s="2" t="s">
        <v>525</v>
      </c>
      <c r="C244" s="21" t="s">
        <v>526</v>
      </c>
      <c r="D244" s="22" t="s">
        <v>527</v>
      </c>
    </row>
    <row r="245" spans="1:4" ht="29.5" thickBot="1" x14ac:dyDescent="0.35">
      <c r="A245" s="7" t="s">
        <v>528</v>
      </c>
      <c r="B245" s="2" t="s">
        <v>529</v>
      </c>
      <c r="C245" s="21" t="s">
        <v>530</v>
      </c>
      <c r="D245" s="22" t="s">
        <v>531</v>
      </c>
    </row>
    <row r="246" spans="1:4" ht="29.5" thickBot="1" x14ac:dyDescent="0.35">
      <c r="A246" s="7" t="s">
        <v>532</v>
      </c>
      <c r="B246" s="2" t="s">
        <v>529</v>
      </c>
      <c r="C246" s="21" t="s">
        <v>530</v>
      </c>
      <c r="D246" s="22" t="s">
        <v>531</v>
      </c>
    </row>
    <row r="247" spans="1:4" ht="44" thickBot="1" x14ac:dyDescent="0.35">
      <c r="A247" s="7" t="s">
        <v>533</v>
      </c>
      <c r="B247" s="2" t="s">
        <v>534</v>
      </c>
      <c r="C247" s="21" t="s">
        <v>535</v>
      </c>
      <c r="D247" s="22" t="s">
        <v>536</v>
      </c>
    </row>
    <row r="248" spans="1:4" ht="145.5" thickBot="1" x14ac:dyDescent="0.35">
      <c r="A248" s="7" t="s">
        <v>537</v>
      </c>
      <c r="B248" s="2" t="s">
        <v>964</v>
      </c>
      <c r="C248" s="21" t="s">
        <v>965</v>
      </c>
      <c r="D248" s="23" t="s">
        <v>966</v>
      </c>
    </row>
    <row r="249" spans="1:4" ht="15" thickBot="1" x14ac:dyDescent="0.35">
      <c r="A249" s="7" t="s">
        <v>538</v>
      </c>
      <c r="B249" s="2" t="s">
        <v>28</v>
      </c>
      <c r="C249" s="21" t="s">
        <v>29</v>
      </c>
      <c r="D249" s="22">
        <v>1234567</v>
      </c>
    </row>
    <row r="250" spans="1:4" ht="15" thickBot="1" x14ac:dyDescent="0.35">
      <c r="A250" s="5" t="s">
        <v>539</v>
      </c>
      <c r="B250" s="6" t="s">
        <v>97</v>
      </c>
      <c r="C250" s="27" t="s">
        <v>115</v>
      </c>
      <c r="D250" s="28">
        <v>123456789</v>
      </c>
    </row>
    <row r="251" spans="1:4" ht="15" thickBot="1" x14ac:dyDescent="0.35">
      <c r="A251" s="7" t="s">
        <v>540</v>
      </c>
      <c r="B251" s="2" t="s">
        <v>125</v>
      </c>
      <c r="C251" s="21" t="s">
        <v>126</v>
      </c>
      <c r="D251" s="35" t="s">
        <v>996</v>
      </c>
    </row>
    <row r="252" spans="1:4" ht="44" thickBot="1" x14ac:dyDescent="0.35">
      <c r="A252" s="7" t="s">
        <v>541</v>
      </c>
      <c r="B252" s="10" t="s">
        <v>542</v>
      </c>
      <c r="C252" s="21" t="s">
        <v>543</v>
      </c>
      <c r="D252" s="22" t="s">
        <v>544</v>
      </c>
    </row>
    <row r="253" spans="1:4" ht="15" thickBot="1" x14ac:dyDescent="0.35">
      <c r="A253" s="7" t="s">
        <v>545</v>
      </c>
      <c r="B253" s="6" t="s">
        <v>546</v>
      </c>
      <c r="C253" s="21" t="s">
        <v>547</v>
      </c>
      <c r="D253" s="22">
        <v>312345678</v>
      </c>
    </row>
    <row r="254" spans="1:4" ht="15" thickBot="1" x14ac:dyDescent="0.35">
      <c r="A254" s="7" t="s">
        <v>994</v>
      </c>
      <c r="B254" s="2" t="s">
        <v>443</v>
      </c>
      <c r="C254" s="21" t="s">
        <v>444</v>
      </c>
      <c r="D254" s="25" t="s">
        <v>995</v>
      </c>
    </row>
    <row r="255" spans="1:4" ht="15" thickBot="1" x14ac:dyDescent="0.35">
      <c r="A255" s="7" t="s">
        <v>548</v>
      </c>
      <c r="B255" s="2" t="s">
        <v>125</v>
      </c>
      <c r="C255" s="21" t="s">
        <v>126</v>
      </c>
      <c r="D255" s="25" t="s">
        <v>996</v>
      </c>
    </row>
    <row r="256" spans="1:4" ht="73" thickBot="1" x14ac:dyDescent="0.35">
      <c r="A256" s="7" t="s">
        <v>549</v>
      </c>
      <c r="B256" s="2" t="s">
        <v>550</v>
      </c>
      <c r="C256" s="21" t="s">
        <v>551</v>
      </c>
      <c r="D256" s="22" t="s">
        <v>552</v>
      </c>
    </row>
    <row r="257" spans="1:4" ht="58.5" thickBot="1" x14ac:dyDescent="0.35">
      <c r="A257" s="7" t="s">
        <v>553</v>
      </c>
      <c r="B257" s="2" t="s">
        <v>554</v>
      </c>
      <c r="C257" s="21" t="s">
        <v>555</v>
      </c>
      <c r="D257" s="22" t="s">
        <v>556</v>
      </c>
    </row>
    <row r="258" spans="1:4" ht="58.5" thickBot="1" x14ac:dyDescent="0.35">
      <c r="A258" s="7" t="s">
        <v>557</v>
      </c>
      <c r="B258" s="2" t="s">
        <v>554</v>
      </c>
      <c r="C258" s="21" t="s">
        <v>555</v>
      </c>
      <c r="D258" s="22" t="s">
        <v>556</v>
      </c>
    </row>
    <row r="259" spans="1:4" ht="15" thickBot="1" x14ac:dyDescent="0.35">
      <c r="A259" s="7" t="s">
        <v>558</v>
      </c>
      <c r="B259" s="2" t="s">
        <v>559</v>
      </c>
      <c r="C259" s="21" t="s">
        <v>560</v>
      </c>
      <c r="D259" s="22">
        <v>51234567</v>
      </c>
    </row>
    <row r="260" spans="1:4" ht="15" thickBot="1" x14ac:dyDescent="0.35">
      <c r="A260" s="7" t="s">
        <v>561</v>
      </c>
      <c r="B260" s="2" t="s">
        <v>97</v>
      </c>
      <c r="C260" s="21" t="s">
        <v>98</v>
      </c>
      <c r="D260" s="22">
        <v>123456789</v>
      </c>
    </row>
    <row r="261" spans="1:4" ht="29.5" thickBot="1" x14ac:dyDescent="0.35">
      <c r="A261" s="7" t="s">
        <v>562</v>
      </c>
      <c r="B261" s="2" t="s">
        <v>563</v>
      </c>
      <c r="C261" s="21" t="s">
        <v>564</v>
      </c>
      <c r="D261" s="22" t="s">
        <v>565</v>
      </c>
    </row>
    <row r="262" spans="1:4" ht="29.5" thickBot="1" x14ac:dyDescent="0.35">
      <c r="A262" s="7" t="s">
        <v>566</v>
      </c>
      <c r="B262" s="2" t="s">
        <v>563</v>
      </c>
      <c r="C262" s="21" t="s">
        <v>564</v>
      </c>
      <c r="D262" s="22" t="s">
        <v>565</v>
      </c>
    </row>
    <row r="263" spans="1:4" ht="73" thickBot="1" x14ac:dyDescent="0.35">
      <c r="A263" s="7" t="s">
        <v>567</v>
      </c>
      <c r="B263" s="2" t="s">
        <v>568</v>
      </c>
      <c r="C263" s="21" t="s">
        <v>569</v>
      </c>
      <c r="D263" s="22" t="s">
        <v>570</v>
      </c>
    </row>
    <row r="264" spans="1:4" ht="73" thickBot="1" x14ac:dyDescent="0.35">
      <c r="A264" s="7" t="s">
        <v>571</v>
      </c>
      <c r="B264" s="2" t="s">
        <v>572</v>
      </c>
      <c r="C264" s="21" t="s">
        <v>573</v>
      </c>
      <c r="D264" s="22" t="s">
        <v>574</v>
      </c>
    </row>
    <row r="265" spans="1:4" ht="15" thickBot="1" x14ac:dyDescent="0.35">
      <c r="A265" s="7" t="s">
        <v>575</v>
      </c>
      <c r="B265" s="2" t="s">
        <v>576</v>
      </c>
      <c r="C265" s="21" t="s">
        <v>577</v>
      </c>
      <c r="D265" s="22" t="s">
        <v>578</v>
      </c>
    </row>
    <row r="266" spans="1:4" ht="15" thickBot="1" x14ac:dyDescent="0.35">
      <c r="A266" s="7" t="s">
        <v>579</v>
      </c>
      <c r="B266" s="2" t="s">
        <v>580</v>
      </c>
      <c r="C266" s="21" t="s">
        <v>581</v>
      </c>
      <c r="D266" s="22" t="s">
        <v>582</v>
      </c>
    </row>
    <row r="267" spans="1:4" ht="14.5" thickBot="1" x14ac:dyDescent="0.35">
      <c r="A267" s="5" t="s">
        <v>583</v>
      </c>
      <c r="B267" s="6" t="s">
        <v>584</v>
      </c>
      <c r="C267" s="29" t="s">
        <v>585</v>
      </c>
      <c r="D267" s="29" t="s">
        <v>586</v>
      </c>
    </row>
    <row r="268" spans="1:4" ht="15" thickBot="1" x14ac:dyDescent="0.35">
      <c r="A268" s="7" t="s">
        <v>587</v>
      </c>
      <c r="B268" s="2" t="s">
        <v>75</v>
      </c>
      <c r="C268" s="21" t="s">
        <v>76</v>
      </c>
      <c r="D268" s="22">
        <v>12345678</v>
      </c>
    </row>
    <row r="269" spans="1:4" ht="14.5" x14ac:dyDescent="0.3">
      <c r="A269" s="50" t="s">
        <v>588</v>
      </c>
      <c r="B269" s="50" t="s">
        <v>589</v>
      </c>
      <c r="C269" s="52" t="s">
        <v>590</v>
      </c>
      <c r="D269" s="24" t="s">
        <v>591</v>
      </c>
    </row>
    <row r="270" spans="1:4" ht="14.5" x14ac:dyDescent="0.3">
      <c r="A270" s="54"/>
      <c r="B270" s="54"/>
      <c r="C270" s="55"/>
      <c r="D270" s="24" t="s">
        <v>592</v>
      </c>
    </row>
    <row r="271" spans="1:4" ht="15" thickBot="1" x14ac:dyDescent="0.35">
      <c r="A271" s="51"/>
      <c r="B271" s="51"/>
      <c r="C271" s="53"/>
      <c r="D271" s="22" t="s">
        <v>593</v>
      </c>
    </row>
    <row r="272" spans="1:4" ht="43.5" x14ac:dyDescent="0.3">
      <c r="A272" s="50" t="s">
        <v>594</v>
      </c>
      <c r="B272" s="50" t="s">
        <v>595</v>
      </c>
      <c r="C272" s="52" t="s">
        <v>596</v>
      </c>
      <c r="D272" s="24" t="s">
        <v>597</v>
      </c>
    </row>
    <row r="273" spans="1:4" ht="14.5" x14ac:dyDescent="0.3">
      <c r="A273" s="54"/>
      <c r="B273" s="54"/>
      <c r="C273" s="55"/>
      <c r="D273" s="24" t="s">
        <v>598</v>
      </c>
    </row>
    <row r="274" spans="1:4" ht="15" thickBot="1" x14ac:dyDescent="0.35">
      <c r="A274" s="51"/>
      <c r="B274" s="51"/>
      <c r="C274" s="53"/>
      <c r="D274" s="22" t="s">
        <v>599</v>
      </c>
    </row>
    <row r="275" spans="1:4" ht="14.5" x14ac:dyDescent="0.3">
      <c r="A275" s="50" t="s">
        <v>600</v>
      </c>
      <c r="B275" s="50" t="s">
        <v>601</v>
      </c>
      <c r="C275" s="52" t="s">
        <v>602</v>
      </c>
      <c r="D275" s="24" t="s">
        <v>591</v>
      </c>
    </row>
    <row r="276" spans="1:4" ht="14.5" x14ac:dyDescent="0.3">
      <c r="A276" s="54"/>
      <c r="B276" s="54"/>
      <c r="C276" s="55"/>
      <c r="D276" s="24" t="s">
        <v>592</v>
      </c>
    </row>
    <row r="277" spans="1:4" ht="14.5" x14ac:dyDescent="0.3">
      <c r="A277" s="54"/>
      <c r="B277" s="54"/>
      <c r="C277" s="55"/>
      <c r="D277" s="24" t="s">
        <v>603</v>
      </c>
    </row>
    <row r="278" spans="1:4" ht="15" thickBot="1" x14ac:dyDescent="0.35">
      <c r="A278" s="51"/>
      <c r="B278" s="51"/>
      <c r="C278" s="53"/>
      <c r="D278" s="22">
        <v>12345678</v>
      </c>
    </row>
    <row r="279" spans="1:4" ht="43.5" x14ac:dyDescent="0.3">
      <c r="A279" s="50" t="s">
        <v>604</v>
      </c>
      <c r="B279" s="50" t="s">
        <v>605</v>
      </c>
      <c r="C279" s="52" t="s">
        <v>606</v>
      </c>
      <c r="D279" s="24" t="s">
        <v>597</v>
      </c>
    </row>
    <row r="280" spans="1:4" ht="14.5" x14ac:dyDescent="0.3">
      <c r="A280" s="54"/>
      <c r="B280" s="54"/>
      <c r="C280" s="55"/>
      <c r="D280" s="24" t="s">
        <v>598</v>
      </c>
    </row>
    <row r="281" spans="1:4" ht="15" thickBot="1" x14ac:dyDescent="0.35">
      <c r="A281" s="51"/>
      <c r="B281" s="51"/>
      <c r="C281" s="53"/>
      <c r="D281" s="22" t="s">
        <v>607</v>
      </c>
    </row>
    <row r="282" spans="1:4" ht="29.5" thickBot="1" x14ac:dyDescent="0.35">
      <c r="A282" s="7" t="s">
        <v>608</v>
      </c>
      <c r="B282" s="2" t="s">
        <v>609</v>
      </c>
      <c r="C282" s="21" t="s">
        <v>610</v>
      </c>
      <c r="D282" s="22" t="s">
        <v>611</v>
      </c>
    </row>
    <row r="283" spans="1:4" ht="29.5" thickBot="1" x14ac:dyDescent="0.35">
      <c r="A283" s="7" t="s">
        <v>612</v>
      </c>
      <c r="B283" s="2" t="s">
        <v>613</v>
      </c>
      <c r="C283" s="21" t="s">
        <v>614</v>
      </c>
      <c r="D283" s="22" t="s">
        <v>615</v>
      </c>
    </row>
    <row r="284" spans="1:4" ht="58.5" thickBot="1" x14ac:dyDescent="0.35">
      <c r="A284" s="7" t="s">
        <v>616</v>
      </c>
      <c r="B284" s="2" t="s">
        <v>617</v>
      </c>
      <c r="C284" s="21" t="s">
        <v>618</v>
      </c>
      <c r="D284" s="22" t="s">
        <v>619</v>
      </c>
    </row>
    <row r="285" spans="1:4" ht="58.5" thickBot="1" x14ac:dyDescent="0.35">
      <c r="A285" s="7" t="s">
        <v>616</v>
      </c>
      <c r="B285" s="2" t="s">
        <v>617</v>
      </c>
      <c r="C285" s="21" t="s">
        <v>618</v>
      </c>
      <c r="D285" s="22" t="s">
        <v>619</v>
      </c>
    </row>
    <row r="286" spans="1:4" ht="44" thickBot="1" x14ac:dyDescent="0.35">
      <c r="A286" s="7" t="s">
        <v>620</v>
      </c>
      <c r="B286" s="2" t="s">
        <v>621</v>
      </c>
      <c r="C286" s="21" t="s">
        <v>622</v>
      </c>
      <c r="D286" s="22" t="s">
        <v>623</v>
      </c>
    </row>
    <row r="287" spans="1:4" ht="87.5" thickBot="1" x14ac:dyDescent="0.35">
      <c r="A287" s="7" t="s">
        <v>624</v>
      </c>
      <c r="B287" s="2" t="s">
        <v>625</v>
      </c>
      <c r="C287" s="21" t="s">
        <v>626</v>
      </c>
      <c r="D287" s="22" t="s">
        <v>627</v>
      </c>
    </row>
    <row r="288" spans="1:4" ht="87.5" thickBot="1" x14ac:dyDescent="0.35">
      <c r="A288" s="7" t="s">
        <v>628</v>
      </c>
      <c r="B288" s="2" t="s">
        <v>625</v>
      </c>
      <c r="C288" s="21" t="s">
        <v>626</v>
      </c>
      <c r="D288" s="22" t="s">
        <v>627</v>
      </c>
    </row>
    <row r="289" spans="1:4" ht="87.5" thickBot="1" x14ac:dyDescent="0.35">
      <c r="A289" s="7" t="s">
        <v>997</v>
      </c>
      <c r="B289" s="2" t="s">
        <v>625</v>
      </c>
      <c r="C289" s="21" t="s">
        <v>626</v>
      </c>
      <c r="D289" s="22" t="s">
        <v>627</v>
      </c>
    </row>
    <row r="290" spans="1:4" ht="87.5" thickBot="1" x14ac:dyDescent="0.35">
      <c r="A290" s="7" t="s">
        <v>629</v>
      </c>
      <c r="B290" s="2" t="s">
        <v>625</v>
      </c>
      <c r="C290" s="21" t="s">
        <v>626</v>
      </c>
      <c r="D290" s="22" t="s">
        <v>627</v>
      </c>
    </row>
    <row r="291" spans="1:4" ht="87.5" thickBot="1" x14ac:dyDescent="0.35">
      <c r="A291" s="7" t="s">
        <v>998</v>
      </c>
      <c r="B291" s="2" t="s">
        <v>625</v>
      </c>
      <c r="C291" s="21" t="s">
        <v>626</v>
      </c>
      <c r="D291" s="22" t="s">
        <v>627</v>
      </c>
    </row>
    <row r="292" spans="1:4" ht="87.5" thickBot="1" x14ac:dyDescent="0.35">
      <c r="A292" s="7" t="s">
        <v>999</v>
      </c>
      <c r="B292" s="2" t="s">
        <v>625</v>
      </c>
      <c r="C292" s="21" t="s">
        <v>626</v>
      </c>
      <c r="D292" s="22" t="s">
        <v>627</v>
      </c>
    </row>
    <row r="293" spans="1:4" ht="87.5" thickBot="1" x14ac:dyDescent="0.35">
      <c r="A293" s="7" t="s">
        <v>1000</v>
      </c>
      <c r="B293" s="2" t="s">
        <v>625</v>
      </c>
      <c r="C293" s="21" t="s">
        <v>626</v>
      </c>
      <c r="D293" s="22" t="s">
        <v>627</v>
      </c>
    </row>
    <row r="294" spans="1:4" ht="87.5" thickBot="1" x14ac:dyDescent="0.35">
      <c r="A294" s="7" t="s">
        <v>1001</v>
      </c>
      <c r="B294" s="2" t="s">
        <v>625</v>
      </c>
      <c r="C294" s="21" t="s">
        <v>626</v>
      </c>
      <c r="D294" s="22" t="s">
        <v>627</v>
      </c>
    </row>
    <row r="295" spans="1:4" ht="87.5" thickBot="1" x14ac:dyDescent="0.35">
      <c r="A295" s="7" t="s">
        <v>1003</v>
      </c>
      <c r="B295" s="2" t="s">
        <v>625</v>
      </c>
      <c r="C295" s="21" t="s">
        <v>626</v>
      </c>
      <c r="D295" s="22" t="s">
        <v>627</v>
      </c>
    </row>
    <row r="296" spans="1:4" ht="87.5" thickBot="1" x14ac:dyDescent="0.35">
      <c r="A296" s="7" t="s">
        <v>1004</v>
      </c>
      <c r="B296" s="2" t="s">
        <v>625</v>
      </c>
      <c r="C296" s="21" t="s">
        <v>626</v>
      </c>
      <c r="D296" s="22" t="s">
        <v>627</v>
      </c>
    </row>
    <row r="297" spans="1:4" ht="87.5" thickBot="1" x14ac:dyDescent="0.35">
      <c r="A297" s="7" t="s">
        <v>1002</v>
      </c>
      <c r="B297" s="2" t="s">
        <v>625</v>
      </c>
      <c r="C297" s="21" t="s">
        <v>626</v>
      </c>
      <c r="D297" s="22" t="s">
        <v>627</v>
      </c>
    </row>
    <row r="298" spans="1:4" ht="15" thickBot="1" x14ac:dyDescent="0.35">
      <c r="A298" s="7" t="s">
        <v>630</v>
      </c>
      <c r="B298" s="2" t="s">
        <v>631</v>
      </c>
      <c r="C298" s="21" t="s">
        <v>632</v>
      </c>
      <c r="D298" s="22" t="s">
        <v>633</v>
      </c>
    </row>
    <row r="299" spans="1:4" ht="15" thickBot="1" x14ac:dyDescent="0.35">
      <c r="A299" s="7" t="s">
        <v>634</v>
      </c>
      <c r="B299" s="2" t="s">
        <v>28</v>
      </c>
      <c r="C299" s="21" t="s">
        <v>29</v>
      </c>
      <c r="D299" s="22">
        <v>1234567</v>
      </c>
    </row>
    <row r="300" spans="1:4" ht="58.5" thickBot="1" x14ac:dyDescent="0.35">
      <c r="A300" s="5" t="s">
        <v>635</v>
      </c>
      <c r="B300" s="6" t="s">
        <v>636</v>
      </c>
      <c r="C300" s="27" t="s">
        <v>637</v>
      </c>
      <c r="D300" s="27" t="s">
        <v>638</v>
      </c>
    </row>
    <row r="301" spans="1:4" ht="58.5" thickBot="1" x14ac:dyDescent="0.35">
      <c r="A301" s="7" t="s">
        <v>639</v>
      </c>
      <c r="B301" s="2" t="s">
        <v>640</v>
      </c>
      <c r="C301" s="21" t="s">
        <v>641</v>
      </c>
      <c r="D301" s="22" t="s">
        <v>642</v>
      </c>
    </row>
    <row r="302" spans="1:4" ht="15" thickBot="1" x14ac:dyDescent="0.35">
      <c r="A302" s="7" t="s">
        <v>643</v>
      </c>
      <c r="B302" s="2" t="s">
        <v>97</v>
      </c>
      <c r="C302" s="21" t="s">
        <v>115</v>
      </c>
      <c r="D302" s="22">
        <v>123456789</v>
      </c>
    </row>
    <row r="303" spans="1:4" ht="15" thickBot="1" x14ac:dyDescent="0.35">
      <c r="A303" s="7" t="s">
        <v>644</v>
      </c>
      <c r="B303" s="2" t="s">
        <v>645</v>
      </c>
      <c r="C303" s="21" t="s">
        <v>29</v>
      </c>
      <c r="D303" s="22">
        <v>1234567</v>
      </c>
    </row>
    <row r="304" spans="1:4" ht="15" thickBot="1" x14ac:dyDescent="0.35">
      <c r="A304" s="7" t="s">
        <v>646</v>
      </c>
      <c r="B304" s="2" t="s">
        <v>97</v>
      </c>
      <c r="C304" s="21" t="s">
        <v>115</v>
      </c>
      <c r="D304" s="22">
        <v>123456789</v>
      </c>
    </row>
    <row r="305" spans="1:5" ht="29.5" thickBot="1" x14ac:dyDescent="0.35">
      <c r="A305" s="7" t="s">
        <v>647</v>
      </c>
      <c r="B305" s="2" t="s">
        <v>648</v>
      </c>
      <c r="C305" s="21" t="s">
        <v>649</v>
      </c>
      <c r="D305" s="22" t="s">
        <v>650</v>
      </c>
    </row>
    <row r="306" spans="1:5" ht="29.5" thickBot="1" x14ac:dyDescent="0.35">
      <c r="A306" s="7" t="s">
        <v>651</v>
      </c>
      <c r="B306" s="2" t="s">
        <v>652</v>
      </c>
      <c r="C306" s="21" t="s">
        <v>653</v>
      </c>
      <c r="D306" s="22" t="s">
        <v>654</v>
      </c>
    </row>
    <row r="307" spans="1:5" ht="29.5" thickBot="1" x14ac:dyDescent="0.35">
      <c r="A307" s="7" t="s">
        <v>655</v>
      </c>
      <c r="B307" s="2" t="s">
        <v>652</v>
      </c>
      <c r="C307" s="21" t="s">
        <v>653</v>
      </c>
      <c r="D307" s="22" t="s">
        <v>654</v>
      </c>
    </row>
    <row r="308" spans="1:5" ht="90" customHeight="1" thickBot="1" x14ac:dyDescent="0.35">
      <c r="A308" s="7" t="s">
        <v>656</v>
      </c>
      <c r="B308" s="2" t="s">
        <v>232</v>
      </c>
      <c r="C308" s="21" t="s">
        <v>233</v>
      </c>
      <c r="D308" s="22" t="s">
        <v>234</v>
      </c>
    </row>
    <row r="309" spans="1:5" ht="15" thickBot="1" x14ac:dyDescent="0.35">
      <c r="A309" s="7" t="s">
        <v>657</v>
      </c>
      <c r="B309" s="2" t="s">
        <v>658</v>
      </c>
      <c r="C309" s="21" t="s">
        <v>659</v>
      </c>
      <c r="D309" s="22" t="s">
        <v>660</v>
      </c>
    </row>
    <row r="310" spans="1:5" ht="44" thickBot="1" x14ac:dyDescent="0.35">
      <c r="A310" s="7" t="s">
        <v>661</v>
      </c>
      <c r="B310" s="2" t="s">
        <v>662</v>
      </c>
      <c r="C310" s="21" t="s">
        <v>663</v>
      </c>
      <c r="D310" s="22" t="s">
        <v>664</v>
      </c>
    </row>
    <row r="311" spans="1:5" ht="90" customHeight="1" thickBot="1" x14ac:dyDescent="0.35">
      <c r="A311" s="7" t="s">
        <v>665</v>
      </c>
      <c r="B311" s="2" t="s">
        <v>232</v>
      </c>
      <c r="C311" s="21" t="s">
        <v>233</v>
      </c>
      <c r="D311" s="22" t="s">
        <v>234</v>
      </c>
    </row>
    <row r="312" spans="1:5" ht="90" customHeight="1" thickBot="1" x14ac:dyDescent="0.35">
      <c r="A312" s="7" t="s">
        <v>666</v>
      </c>
      <c r="B312" s="2" t="s">
        <v>232</v>
      </c>
      <c r="C312" s="21" t="s">
        <v>233</v>
      </c>
      <c r="D312" s="22" t="s">
        <v>234</v>
      </c>
    </row>
    <row r="313" spans="1:5" ht="131" thickBot="1" x14ac:dyDescent="0.35">
      <c r="A313" s="7" t="s">
        <v>667</v>
      </c>
      <c r="B313" s="2" t="s">
        <v>668</v>
      </c>
      <c r="C313" s="21" t="s">
        <v>669</v>
      </c>
      <c r="D313" s="22" t="s">
        <v>670</v>
      </c>
      <c r="E313" s="16"/>
    </row>
    <row r="314" spans="1:5" ht="116.5" thickBot="1" x14ac:dyDescent="0.35">
      <c r="A314" s="7" t="s">
        <v>671</v>
      </c>
      <c r="B314" s="2" t="s">
        <v>672</v>
      </c>
      <c r="C314" s="21" t="s">
        <v>673</v>
      </c>
      <c r="D314" s="22" t="s">
        <v>674</v>
      </c>
    </row>
    <row r="315" spans="1:5" ht="58.5" thickBot="1" x14ac:dyDescent="0.35">
      <c r="A315" s="7" t="s">
        <v>675</v>
      </c>
      <c r="B315" s="2" t="s">
        <v>676</v>
      </c>
      <c r="C315" s="21" t="s">
        <v>677</v>
      </c>
      <c r="D315" s="22" t="s">
        <v>678</v>
      </c>
    </row>
    <row r="316" spans="1:5" ht="14.5" thickBot="1" x14ac:dyDescent="0.35">
      <c r="A316" s="5" t="s">
        <v>679</v>
      </c>
      <c r="B316" s="6" t="s">
        <v>584</v>
      </c>
      <c r="C316" s="29" t="s">
        <v>585</v>
      </c>
      <c r="D316" s="29" t="s">
        <v>586</v>
      </c>
    </row>
    <row r="317" spans="1:5" ht="87.5" thickBot="1" x14ac:dyDescent="0.35">
      <c r="A317" s="7" t="s">
        <v>680</v>
      </c>
      <c r="B317" s="2" t="s">
        <v>681</v>
      </c>
      <c r="C317" s="21" t="s">
        <v>682</v>
      </c>
      <c r="D317" s="22" t="s">
        <v>683</v>
      </c>
    </row>
    <row r="318" spans="1:5" ht="90" customHeight="1" thickBot="1" x14ac:dyDescent="0.35">
      <c r="A318" s="7" t="s">
        <v>684</v>
      </c>
      <c r="B318" s="2" t="s">
        <v>232</v>
      </c>
      <c r="C318" s="21" t="s">
        <v>233</v>
      </c>
      <c r="D318" s="22" t="s">
        <v>234</v>
      </c>
    </row>
    <row r="319" spans="1:5" ht="90" customHeight="1" thickBot="1" x14ac:dyDescent="0.35">
      <c r="A319" s="7" t="s">
        <v>685</v>
      </c>
      <c r="B319" s="2" t="s">
        <v>232</v>
      </c>
      <c r="C319" s="21" t="s">
        <v>233</v>
      </c>
      <c r="D319" s="22" t="s">
        <v>234</v>
      </c>
    </row>
    <row r="320" spans="1:5" ht="90" customHeight="1" thickBot="1" x14ac:dyDescent="0.35">
      <c r="A320" s="7" t="s">
        <v>686</v>
      </c>
      <c r="B320" s="2" t="s">
        <v>687</v>
      </c>
      <c r="C320" s="21" t="s">
        <v>688</v>
      </c>
      <c r="D320" s="22" t="s">
        <v>689</v>
      </c>
    </row>
    <row r="321" spans="1:4" ht="44" thickBot="1" x14ac:dyDescent="0.35">
      <c r="A321" s="7" t="s">
        <v>690</v>
      </c>
      <c r="B321" s="2" t="s">
        <v>691</v>
      </c>
      <c r="C321" s="21" t="s">
        <v>692</v>
      </c>
      <c r="D321" s="22" t="s">
        <v>693</v>
      </c>
    </row>
    <row r="322" spans="1:4" ht="44" thickBot="1" x14ac:dyDescent="0.35">
      <c r="A322" s="7" t="s">
        <v>694</v>
      </c>
      <c r="B322" s="2" t="s">
        <v>691</v>
      </c>
      <c r="C322" s="21" t="s">
        <v>692</v>
      </c>
      <c r="D322" s="22" t="s">
        <v>693</v>
      </c>
    </row>
    <row r="323" spans="1:4" ht="90" customHeight="1" thickBot="1" x14ac:dyDescent="0.35">
      <c r="A323" s="7" t="s">
        <v>695</v>
      </c>
      <c r="B323" s="2" t="s">
        <v>232</v>
      </c>
      <c r="C323" s="21" t="s">
        <v>233</v>
      </c>
      <c r="D323" s="22" t="s">
        <v>234</v>
      </c>
    </row>
    <row r="324" spans="1:4" ht="87.5" thickBot="1" x14ac:dyDescent="0.35">
      <c r="A324" s="7" t="s">
        <v>696</v>
      </c>
      <c r="B324" s="5" t="s">
        <v>968</v>
      </c>
      <c r="C324" s="33" t="s">
        <v>967</v>
      </c>
      <c r="D324" s="22" t="s">
        <v>969</v>
      </c>
    </row>
    <row r="325" spans="1:4" ht="87.5" thickBot="1" x14ac:dyDescent="0.35">
      <c r="A325" s="7" t="s">
        <v>697</v>
      </c>
      <c r="B325" s="5" t="s">
        <v>968</v>
      </c>
      <c r="C325" s="33" t="s">
        <v>967</v>
      </c>
      <c r="D325" s="22" t="s">
        <v>969</v>
      </c>
    </row>
    <row r="326" spans="1:4" ht="87.5" thickBot="1" x14ac:dyDescent="0.35">
      <c r="A326" s="7" t="s">
        <v>698</v>
      </c>
      <c r="B326" s="5" t="s">
        <v>968</v>
      </c>
      <c r="C326" s="33" t="s">
        <v>967</v>
      </c>
      <c r="D326" s="22" t="s">
        <v>969</v>
      </c>
    </row>
    <row r="327" spans="1:4" ht="174" x14ac:dyDescent="0.3">
      <c r="A327" s="50" t="s">
        <v>699</v>
      </c>
      <c r="B327" s="50" t="s">
        <v>700</v>
      </c>
      <c r="C327" s="52" t="s">
        <v>701</v>
      </c>
      <c r="D327" s="24" t="s">
        <v>702</v>
      </c>
    </row>
    <row r="328" spans="1:4" ht="15" thickBot="1" x14ac:dyDescent="0.35">
      <c r="A328" s="51"/>
      <c r="B328" s="51"/>
      <c r="C328" s="53"/>
      <c r="D328" s="22" t="s">
        <v>703</v>
      </c>
    </row>
    <row r="329" spans="1:4" ht="44" thickBot="1" x14ac:dyDescent="0.35">
      <c r="A329" s="7" t="s">
        <v>704</v>
      </c>
      <c r="B329" s="2" t="s">
        <v>705</v>
      </c>
      <c r="C329" s="21" t="s">
        <v>706</v>
      </c>
      <c r="D329" s="22" t="s">
        <v>707</v>
      </c>
    </row>
    <row r="330" spans="1:4" ht="14.5" x14ac:dyDescent="0.3">
      <c r="A330" s="50" t="s">
        <v>708</v>
      </c>
      <c r="B330" s="58" t="s">
        <v>709</v>
      </c>
      <c r="C330" s="52" t="s">
        <v>710</v>
      </c>
      <c r="D330" s="24" t="s">
        <v>711</v>
      </c>
    </row>
    <row r="331" spans="1:4" ht="14.5" x14ac:dyDescent="0.3">
      <c r="A331" s="54"/>
      <c r="B331" s="59"/>
      <c r="C331" s="55"/>
      <c r="D331" s="24" t="s">
        <v>712</v>
      </c>
    </row>
    <row r="332" spans="1:4" ht="14.5" x14ac:dyDescent="0.3">
      <c r="A332" s="54"/>
      <c r="B332" s="59"/>
      <c r="C332" s="55"/>
      <c r="D332" s="24" t="s">
        <v>713</v>
      </c>
    </row>
    <row r="333" spans="1:4" ht="14.5" x14ac:dyDescent="0.3">
      <c r="A333" s="54"/>
      <c r="B333" s="59"/>
      <c r="C333" s="55"/>
      <c r="D333" s="24" t="s">
        <v>714</v>
      </c>
    </row>
    <row r="334" spans="1:4" ht="14.5" x14ac:dyDescent="0.3">
      <c r="A334" s="54"/>
      <c r="B334" s="59"/>
      <c r="C334" s="55"/>
      <c r="D334" s="24" t="s">
        <v>715</v>
      </c>
    </row>
    <row r="335" spans="1:4" ht="14.5" x14ac:dyDescent="0.3">
      <c r="A335" s="54"/>
      <c r="B335" s="59"/>
      <c r="C335" s="55"/>
      <c r="D335" s="24" t="s">
        <v>716</v>
      </c>
    </row>
    <row r="336" spans="1:4" ht="15" thickBot="1" x14ac:dyDescent="0.35">
      <c r="A336" s="51"/>
      <c r="B336" s="60"/>
      <c r="C336" s="53"/>
      <c r="D336" s="22" t="s">
        <v>717</v>
      </c>
    </row>
    <row r="337" spans="1:4" ht="58.5" thickBot="1" x14ac:dyDescent="0.35">
      <c r="A337" s="7" t="s">
        <v>718</v>
      </c>
      <c r="B337" s="2" t="s">
        <v>719</v>
      </c>
      <c r="C337" s="21" t="s">
        <v>720</v>
      </c>
      <c r="D337" s="22" t="s">
        <v>721</v>
      </c>
    </row>
    <row r="338" spans="1:4" ht="58.5" thickBot="1" x14ac:dyDescent="0.35">
      <c r="A338" s="7" t="s">
        <v>722</v>
      </c>
      <c r="B338" s="2" t="s">
        <v>719</v>
      </c>
      <c r="C338" s="21" t="s">
        <v>720</v>
      </c>
      <c r="D338" s="22" t="s">
        <v>721</v>
      </c>
    </row>
    <row r="339" spans="1:4" ht="120.75" customHeight="1" thickBot="1" x14ac:dyDescent="0.35">
      <c r="A339" s="7" t="s">
        <v>723</v>
      </c>
      <c r="B339" s="2" t="s">
        <v>724</v>
      </c>
      <c r="C339" s="21" t="s">
        <v>725</v>
      </c>
      <c r="D339" s="30" t="s">
        <v>726</v>
      </c>
    </row>
    <row r="340" spans="1:4" ht="160" thickBot="1" x14ac:dyDescent="0.35">
      <c r="A340" s="7" t="s">
        <v>727</v>
      </c>
      <c r="B340" s="2" t="s">
        <v>728</v>
      </c>
      <c r="C340" s="21" t="s">
        <v>729</v>
      </c>
      <c r="D340" s="22" t="s">
        <v>730</v>
      </c>
    </row>
    <row r="341" spans="1:4" ht="160" thickBot="1" x14ac:dyDescent="0.35">
      <c r="A341" s="7" t="s">
        <v>731</v>
      </c>
      <c r="B341" s="2" t="s">
        <v>732</v>
      </c>
      <c r="C341" s="21" t="s">
        <v>733</v>
      </c>
      <c r="D341" s="22" t="s">
        <v>734</v>
      </c>
    </row>
    <row r="342" spans="1:4" ht="160" thickBot="1" x14ac:dyDescent="0.35">
      <c r="A342" s="7" t="s">
        <v>735</v>
      </c>
      <c r="B342" s="2" t="s">
        <v>732</v>
      </c>
      <c r="C342" s="21" t="s">
        <v>733</v>
      </c>
      <c r="D342" s="22" t="s">
        <v>734</v>
      </c>
    </row>
    <row r="343" spans="1:4" ht="15" thickBot="1" x14ac:dyDescent="0.35">
      <c r="A343" s="7" t="s">
        <v>736</v>
      </c>
      <c r="B343" s="2" t="s">
        <v>737</v>
      </c>
      <c r="C343" s="21" t="s">
        <v>738</v>
      </c>
      <c r="D343" s="22" t="s">
        <v>739</v>
      </c>
    </row>
    <row r="344" spans="1:4" ht="15" thickBot="1" x14ac:dyDescent="0.35">
      <c r="A344" s="7" t="s">
        <v>740</v>
      </c>
      <c r="B344" s="2" t="s">
        <v>741</v>
      </c>
      <c r="C344" s="21" t="s">
        <v>742</v>
      </c>
      <c r="D344" s="22" t="s">
        <v>743</v>
      </c>
    </row>
    <row r="345" spans="1:4" ht="15" thickBot="1" x14ac:dyDescent="0.35">
      <c r="A345" s="7" t="s">
        <v>744</v>
      </c>
      <c r="B345" s="2" t="s">
        <v>741</v>
      </c>
      <c r="C345" s="21" t="s">
        <v>742</v>
      </c>
      <c r="D345" s="22" t="s">
        <v>743</v>
      </c>
    </row>
    <row r="346" spans="1:4" ht="15" thickBot="1" x14ac:dyDescent="0.35">
      <c r="A346" s="7" t="s">
        <v>745</v>
      </c>
      <c r="B346" s="2" t="s">
        <v>741</v>
      </c>
      <c r="C346" s="21" t="s">
        <v>742</v>
      </c>
      <c r="D346" s="22" t="s">
        <v>743</v>
      </c>
    </row>
    <row r="347" spans="1:4" ht="15" thickBot="1" x14ac:dyDescent="0.35">
      <c r="A347" s="7" t="s">
        <v>746</v>
      </c>
      <c r="B347" s="2" t="s">
        <v>741</v>
      </c>
      <c r="C347" s="21" t="s">
        <v>742</v>
      </c>
      <c r="D347" s="22" t="s">
        <v>743</v>
      </c>
    </row>
    <row r="348" spans="1:4" ht="90" customHeight="1" thickBot="1" x14ac:dyDescent="0.35">
      <c r="A348" s="7" t="s">
        <v>747</v>
      </c>
      <c r="B348" s="2" t="s">
        <v>748</v>
      </c>
      <c r="C348" s="21" t="s">
        <v>749</v>
      </c>
      <c r="D348" s="22" t="s">
        <v>750</v>
      </c>
    </row>
    <row r="349" spans="1:4" ht="73" thickBot="1" x14ac:dyDescent="0.35">
      <c r="A349" s="7" t="s">
        <v>751</v>
      </c>
      <c r="B349" s="2" t="s">
        <v>232</v>
      </c>
      <c r="C349" s="21" t="s">
        <v>233</v>
      </c>
      <c r="D349" s="22" t="s">
        <v>234</v>
      </c>
    </row>
    <row r="350" spans="1:4" ht="29.5" thickBot="1" x14ac:dyDescent="0.35">
      <c r="A350" s="7" t="s">
        <v>752</v>
      </c>
      <c r="B350" s="2" t="s">
        <v>748</v>
      </c>
      <c r="C350" s="21" t="s">
        <v>749</v>
      </c>
      <c r="D350" s="22" t="s">
        <v>750</v>
      </c>
    </row>
    <row r="351" spans="1:4" ht="14.5" x14ac:dyDescent="0.3">
      <c r="A351" s="50" t="s">
        <v>753</v>
      </c>
      <c r="B351" s="50" t="s">
        <v>754</v>
      </c>
      <c r="C351" s="52" t="s">
        <v>755</v>
      </c>
      <c r="D351" s="24" t="s">
        <v>756</v>
      </c>
    </row>
    <row r="352" spans="1:4" ht="15" thickBot="1" x14ac:dyDescent="0.35">
      <c r="A352" s="51"/>
      <c r="B352" s="51"/>
      <c r="C352" s="53"/>
      <c r="D352" s="22" t="s">
        <v>757</v>
      </c>
    </row>
    <row r="353" spans="1:8" ht="44" thickBot="1" x14ac:dyDescent="0.35">
      <c r="A353" s="7" t="s">
        <v>758</v>
      </c>
      <c r="B353" s="2" t="s">
        <v>759</v>
      </c>
      <c r="C353" s="21" t="s">
        <v>760</v>
      </c>
      <c r="D353" s="22" t="s">
        <v>761</v>
      </c>
    </row>
    <row r="354" spans="1:8" ht="29.5" thickBot="1" x14ac:dyDescent="0.35">
      <c r="A354" s="7" t="s">
        <v>762</v>
      </c>
      <c r="B354" s="2" t="s">
        <v>763</v>
      </c>
      <c r="C354" s="21" t="s">
        <v>764</v>
      </c>
      <c r="D354" s="22" t="s">
        <v>765</v>
      </c>
    </row>
    <row r="355" spans="1:8" ht="44" thickBot="1" x14ac:dyDescent="0.35">
      <c r="A355" s="7" t="s">
        <v>766</v>
      </c>
      <c r="B355" s="2" t="s">
        <v>767</v>
      </c>
      <c r="C355" s="21" t="s">
        <v>768</v>
      </c>
      <c r="D355" s="22" t="s">
        <v>769</v>
      </c>
    </row>
    <row r="356" spans="1:8" ht="44" thickBot="1" x14ac:dyDescent="0.35">
      <c r="A356" s="7" t="s">
        <v>770</v>
      </c>
      <c r="B356" s="2" t="s">
        <v>771</v>
      </c>
      <c r="C356" s="21" t="s">
        <v>772</v>
      </c>
      <c r="D356" s="22" t="s">
        <v>773</v>
      </c>
    </row>
    <row r="357" spans="1:8" ht="58.5" thickBot="1" x14ac:dyDescent="0.35">
      <c r="A357" s="7" t="s">
        <v>774</v>
      </c>
      <c r="B357" s="5" t="s">
        <v>775</v>
      </c>
      <c r="C357" s="27" t="s">
        <v>776</v>
      </c>
      <c r="D357" s="27" t="s">
        <v>777</v>
      </c>
    </row>
    <row r="358" spans="1:8" ht="44" thickBot="1" x14ac:dyDescent="0.35">
      <c r="A358" s="7" t="s">
        <v>778</v>
      </c>
      <c r="B358" s="2" t="s">
        <v>779</v>
      </c>
      <c r="C358" s="21" t="s">
        <v>780</v>
      </c>
      <c r="D358" s="22" t="s">
        <v>781</v>
      </c>
    </row>
    <row r="359" spans="1:8" ht="15" thickBot="1" x14ac:dyDescent="0.35">
      <c r="A359" s="7" t="s">
        <v>782</v>
      </c>
      <c r="B359" s="2" t="s">
        <v>97</v>
      </c>
      <c r="C359" s="21" t="s">
        <v>98</v>
      </c>
      <c r="D359" s="22">
        <v>123456789</v>
      </c>
    </row>
    <row r="360" spans="1:8" ht="44" thickBot="1" x14ac:dyDescent="0.35">
      <c r="A360" s="7" t="s">
        <v>783</v>
      </c>
      <c r="B360" s="2" t="s">
        <v>784</v>
      </c>
      <c r="C360" s="21" t="s">
        <v>785</v>
      </c>
      <c r="D360" s="23" t="s">
        <v>786</v>
      </c>
    </row>
    <row r="361" spans="1:8" ht="15" thickBot="1" x14ac:dyDescent="0.35">
      <c r="A361" s="7" t="s">
        <v>787</v>
      </c>
      <c r="B361" s="2" t="s">
        <v>788</v>
      </c>
      <c r="C361" s="21" t="s">
        <v>789</v>
      </c>
      <c r="D361" s="23" t="s">
        <v>790</v>
      </c>
      <c r="H361" s="17"/>
    </row>
    <row r="362" spans="1:8" ht="15" thickBot="1" x14ac:dyDescent="0.35">
      <c r="A362" s="7" t="s">
        <v>791</v>
      </c>
      <c r="B362" s="2" t="s">
        <v>28</v>
      </c>
      <c r="C362" s="21" t="s">
        <v>29</v>
      </c>
      <c r="D362" s="22">
        <v>1234567</v>
      </c>
    </row>
    <row r="363" spans="1:8" ht="15" thickBot="1" x14ac:dyDescent="0.35">
      <c r="A363" s="7" t="s">
        <v>792</v>
      </c>
      <c r="B363" s="2" t="s">
        <v>28</v>
      </c>
      <c r="C363" s="21" t="s">
        <v>29</v>
      </c>
      <c r="D363" s="22">
        <v>1234567</v>
      </c>
    </row>
    <row r="364" spans="1:8" ht="15" thickBot="1" x14ac:dyDescent="0.35">
      <c r="A364" s="7" t="s">
        <v>793</v>
      </c>
      <c r="B364" s="2" t="s">
        <v>794</v>
      </c>
      <c r="C364" s="21" t="s">
        <v>795</v>
      </c>
      <c r="D364" s="23">
        <v>323456789012345</v>
      </c>
    </row>
    <row r="365" spans="1:8" ht="145.5" thickBot="1" x14ac:dyDescent="0.35">
      <c r="A365" s="7" t="s">
        <v>796</v>
      </c>
      <c r="B365" s="2" t="s">
        <v>797</v>
      </c>
      <c r="C365" s="21" t="s">
        <v>798</v>
      </c>
      <c r="D365" s="22" t="s">
        <v>799</v>
      </c>
    </row>
    <row r="366" spans="1:8" ht="15" thickBot="1" x14ac:dyDescent="0.35">
      <c r="A366" s="8" t="s">
        <v>800</v>
      </c>
      <c r="B366" s="9" t="s">
        <v>97</v>
      </c>
      <c r="C366" s="36" t="s">
        <v>98</v>
      </c>
      <c r="D366" s="37">
        <v>123456789</v>
      </c>
    </row>
    <row r="367" spans="1:8" ht="30" customHeight="1" thickBot="1" x14ac:dyDescent="0.35">
      <c r="A367" s="8" t="s">
        <v>801</v>
      </c>
      <c r="B367" s="9" t="s">
        <v>97</v>
      </c>
      <c r="C367" s="36" t="s">
        <v>98</v>
      </c>
      <c r="D367" s="37">
        <v>123456789</v>
      </c>
    </row>
    <row r="368" spans="1:8" ht="15" thickBot="1" x14ac:dyDescent="0.35">
      <c r="A368" s="8" t="s">
        <v>802</v>
      </c>
      <c r="B368" s="9" t="s">
        <v>97</v>
      </c>
      <c r="C368" s="36" t="s">
        <v>98</v>
      </c>
      <c r="D368" s="37">
        <v>123456789</v>
      </c>
    </row>
    <row r="369" spans="1:4" ht="15" thickBot="1" x14ac:dyDescent="0.35">
      <c r="A369" s="7" t="s">
        <v>803</v>
      </c>
      <c r="B369" s="2" t="s">
        <v>97</v>
      </c>
      <c r="C369" s="21" t="s">
        <v>98</v>
      </c>
      <c r="D369" s="22">
        <v>123456789</v>
      </c>
    </row>
    <row r="370" spans="1:4" ht="44" thickBot="1" x14ac:dyDescent="0.35">
      <c r="A370" s="7" t="s">
        <v>804</v>
      </c>
      <c r="B370" s="2" t="s">
        <v>805</v>
      </c>
      <c r="C370" s="21" t="s">
        <v>806</v>
      </c>
      <c r="D370" s="22" t="s">
        <v>807</v>
      </c>
    </row>
    <row r="371" spans="1:4" ht="145.5" thickBot="1" x14ac:dyDescent="0.35">
      <c r="A371" s="7" t="s">
        <v>808</v>
      </c>
      <c r="B371" s="2" t="s">
        <v>809</v>
      </c>
      <c r="C371" s="21" t="s">
        <v>810</v>
      </c>
      <c r="D371" s="22" t="s">
        <v>811</v>
      </c>
    </row>
    <row r="372" spans="1:4" ht="145.5" thickBot="1" x14ac:dyDescent="0.35">
      <c r="A372" s="7" t="s">
        <v>812</v>
      </c>
      <c r="B372" s="2" t="s">
        <v>813</v>
      </c>
      <c r="C372" s="21" t="s">
        <v>814</v>
      </c>
      <c r="D372" s="22" t="s">
        <v>815</v>
      </c>
    </row>
    <row r="373" spans="1:4" ht="29.5" thickBot="1" x14ac:dyDescent="0.35">
      <c r="A373" s="7" t="s">
        <v>816</v>
      </c>
      <c r="B373" s="2" t="s">
        <v>817</v>
      </c>
      <c r="C373" s="21" t="s">
        <v>818</v>
      </c>
      <c r="D373" s="22" t="s">
        <v>819</v>
      </c>
    </row>
    <row r="374" spans="1:4" ht="29.5" thickBot="1" x14ac:dyDescent="0.35">
      <c r="A374" s="7" t="s">
        <v>820</v>
      </c>
      <c r="B374" s="2" t="s">
        <v>821</v>
      </c>
      <c r="C374" s="21" t="s">
        <v>822</v>
      </c>
      <c r="D374" s="22" t="s">
        <v>823</v>
      </c>
    </row>
    <row r="375" spans="1:4" ht="29.5" thickBot="1" x14ac:dyDescent="0.35">
      <c r="A375" s="7" t="s">
        <v>824</v>
      </c>
      <c r="B375" s="2" t="s">
        <v>821</v>
      </c>
      <c r="C375" s="21" t="s">
        <v>822</v>
      </c>
      <c r="D375" s="22" t="s">
        <v>823</v>
      </c>
    </row>
    <row r="376" spans="1:4" ht="15" thickBot="1" x14ac:dyDescent="0.35">
      <c r="A376" s="7" t="s">
        <v>825</v>
      </c>
      <c r="B376" s="2" t="s">
        <v>826</v>
      </c>
      <c r="C376" s="21" t="s">
        <v>827</v>
      </c>
      <c r="D376" s="22" t="s">
        <v>828</v>
      </c>
    </row>
    <row r="377" spans="1:4" ht="15" thickBot="1" x14ac:dyDescent="0.35">
      <c r="A377" s="7" t="s">
        <v>829</v>
      </c>
      <c r="B377" s="2" t="s">
        <v>830</v>
      </c>
      <c r="C377" s="21" t="s">
        <v>831</v>
      </c>
      <c r="D377" s="22" t="s">
        <v>832</v>
      </c>
    </row>
    <row r="378" spans="1:4" ht="58.5" thickBot="1" x14ac:dyDescent="0.35">
      <c r="A378" s="7" t="s">
        <v>833</v>
      </c>
      <c r="B378" s="2" t="s">
        <v>834</v>
      </c>
      <c r="C378" s="21" t="s">
        <v>835</v>
      </c>
      <c r="D378" s="22" t="s">
        <v>836</v>
      </c>
    </row>
    <row r="379" spans="1:4" ht="44" thickBot="1" x14ac:dyDescent="0.35">
      <c r="A379" s="7" t="s">
        <v>837</v>
      </c>
      <c r="B379" s="2" t="s">
        <v>838</v>
      </c>
      <c r="C379" s="21" t="s">
        <v>839</v>
      </c>
      <c r="D379" s="22" t="s">
        <v>840</v>
      </c>
    </row>
    <row r="380" spans="1:4" ht="58.5" thickBot="1" x14ac:dyDescent="0.35">
      <c r="A380" s="7" t="s">
        <v>841</v>
      </c>
      <c r="B380" s="2" t="s">
        <v>842</v>
      </c>
      <c r="C380" s="21" t="s">
        <v>843</v>
      </c>
      <c r="D380" s="22" t="s">
        <v>844</v>
      </c>
    </row>
    <row r="381" spans="1:4" ht="58.5" thickBot="1" x14ac:dyDescent="0.35">
      <c r="A381" s="13" t="s">
        <v>845</v>
      </c>
      <c r="B381" s="2" t="s">
        <v>846</v>
      </c>
      <c r="C381" s="21" t="s">
        <v>847</v>
      </c>
      <c r="D381" s="22" t="s">
        <v>848</v>
      </c>
    </row>
    <row r="382" spans="1:4" ht="14.5" x14ac:dyDescent="0.3">
      <c r="A382" s="50" t="s">
        <v>849</v>
      </c>
      <c r="B382" s="50" t="s">
        <v>850</v>
      </c>
      <c r="C382" s="52" t="s">
        <v>851</v>
      </c>
      <c r="D382" s="24">
        <v>123456789</v>
      </c>
    </row>
    <row r="383" spans="1:4" ht="15" thickBot="1" x14ac:dyDescent="0.35">
      <c r="A383" s="51"/>
      <c r="B383" s="51"/>
      <c r="C383" s="53"/>
      <c r="D383" s="22" t="s">
        <v>852</v>
      </c>
    </row>
    <row r="384" spans="1:4" ht="15" thickBot="1" x14ac:dyDescent="0.35">
      <c r="A384" s="7" t="s">
        <v>853</v>
      </c>
      <c r="B384" s="5" t="s">
        <v>991</v>
      </c>
      <c r="C384" s="27" t="s">
        <v>992</v>
      </c>
      <c r="D384" s="27" t="s">
        <v>993</v>
      </c>
    </row>
    <row r="385" spans="1:5" ht="44" thickBot="1" x14ac:dyDescent="0.35">
      <c r="A385" s="8" t="s">
        <v>854</v>
      </c>
      <c r="B385" s="40" t="s">
        <v>855</v>
      </c>
      <c r="C385" s="36" t="s">
        <v>856</v>
      </c>
      <c r="D385" s="37" t="s">
        <v>857</v>
      </c>
    </row>
    <row r="386" spans="1:5" ht="15" thickBot="1" x14ac:dyDescent="0.35">
      <c r="A386" s="7" t="s">
        <v>858</v>
      </c>
      <c r="B386" s="2" t="s">
        <v>859</v>
      </c>
      <c r="C386" s="21" t="s">
        <v>860</v>
      </c>
      <c r="D386" s="22" t="s">
        <v>861</v>
      </c>
    </row>
    <row r="387" spans="1:5" ht="15" thickBot="1" x14ac:dyDescent="0.35">
      <c r="A387" s="7" t="s">
        <v>862</v>
      </c>
      <c r="B387" s="2" t="s">
        <v>863</v>
      </c>
      <c r="C387" s="21" t="s">
        <v>864</v>
      </c>
      <c r="D387" s="22" t="s">
        <v>865</v>
      </c>
    </row>
    <row r="388" spans="1:5" ht="15" thickBot="1" x14ac:dyDescent="0.35">
      <c r="A388" s="7" t="s">
        <v>866</v>
      </c>
      <c r="B388" s="2" t="s">
        <v>863</v>
      </c>
      <c r="C388" s="21" t="s">
        <v>864</v>
      </c>
      <c r="D388" s="22" t="s">
        <v>865</v>
      </c>
    </row>
    <row r="389" spans="1:5" ht="99.5" customHeight="1" x14ac:dyDescent="0.3">
      <c r="A389" s="50" t="s">
        <v>867</v>
      </c>
      <c r="B389" s="18"/>
      <c r="C389" s="52" t="s">
        <v>868</v>
      </c>
      <c r="D389" s="24" t="s">
        <v>869</v>
      </c>
    </row>
    <row r="390" spans="1:5" ht="37.5" x14ac:dyDescent="0.3">
      <c r="A390" s="54"/>
      <c r="B390" s="4" t="s">
        <v>870</v>
      </c>
      <c r="C390" s="55"/>
      <c r="D390" s="24"/>
    </row>
    <row r="391" spans="1:5" ht="14.5" x14ac:dyDescent="0.3">
      <c r="A391" s="54"/>
      <c r="B391" s="19"/>
      <c r="C391" s="55"/>
      <c r="D391" s="24" t="s">
        <v>871</v>
      </c>
    </row>
    <row r="392" spans="1:5" ht="14.5" x14ac:dyDescent="0.3">
      <c r="A392" s="54"/>
      <c r="B392" s="19"/>
      <c r="C392" s="55"/>
      <c r="D392" s="24" t="s">
        <v>872</v>
      </c>
    </row>
    <row r="393" spans="1:5" ht="14.5" x14ac:dyDescent="0.3">
      <c r="A393" s="54"/>
      <c r="B393" s="19"/>
      <c r="C393" s="55"/>
      <c r="D393" s="31"/>
    </row>
    <row r="394" spans="1:5" ht="14.5" x14ac:dyDescent="0.3">
      <c r="A394" s="54"/>
      <c r="B394" s="19"/>
      <c r="C394" s="55"/>
      <c r="D394" s="24" t="s">
        <v>873</v>
      </c>
    </row>
    <row r="395" spans="1:5" ht="14.5" x14ac:dyDescent="0.3">
      <c r="A395" s="54"/>
      <c r="B395" s="19"/>
      <c r="C395" s="55"/>
      <c r="D395" s="24" t="s">
        <v>874</v>
      </c>
    </row>
    <row r="396" spans="1:5" ht="14.5" x14ac:dyDescent="0.3">
      <c r="A396" s="54"/>
      <c r="B396" s="19"/>
      <c r="C396" s="55"/>
      <c r="D396" s="24" t="s">
        <v>875</v>
      </c>
    </row>
    <row r="397" spans="1:5" ht="14.5" x14ac:dyDescent="0.3">
      <c r="A397" s="54"/>
      <c r="B397" s="19"/>
      <c r="C397" s="55"/>
      <c r="D397" s="24" t="s">
        <v>876</v>
      </c>
      <c r="E397" s="14" t="s">
        <v>1142</v>
      </c>
    </row>
    <row r="398" spans="1:5" ht="14.5" x14ac:dyDescent="0.3">
      <c r="A398" s="54"/>
      <c r="B398" s="19"/>
      <c r="C398" s="55"/>
      <c r="D398" s="43" t="s">
        <v>877</v>
      </c>
      <c r="E398" s="14">
        <f>LEN(D398)</f>
        <v>12</v>
      </c>
    </row>
    <row r="399" spans="1:5" ht="14.5" x14ac:dyDescent="0.3">
      <c r="A399" s="54"/>
      <c r="B399" s="19"/>
      <c r="C399" s="55"/>
      <c r="D399" s="24" t="s">
        <v>878</v>
      </c>
    </row>
    <row r="400" spans="1:5" ht="14.5" x14ac:dyDescent="0.3">
      <c r="A400" s="54"/>
      <c r="B400" s="19"/>
      <c r="C400" s="55"/>
      <c r="D400" s="24" t="s">
        <v>879</v>
      </c>
    </row>
    <row r="401" spans="1:4" ht="14.5" x14ac:dyDescent="0.3">
      <c r="A401" s="54"/>
      <c r="B401" s="19"/>
      <c r="C401" s="55"/>
      <c r="D401" s="24" t="s">
        <v>880</v>
      </c>
    </row>
    <row r="402" spans="1:4" ht="14.5" x14ac:dyDescent="0.3">
      <c r="A402" s="54"/>
      <c r="B402" s="19"/>
      <c r="C402" s="55"/>
      <c r="D402" s="24" t="s">
        <v>881</v>
      </c>
    </row>
    <row r="403" spans="1:4" ht="14.5" x14ac:dyDescent="0.3">
      <c r="A403" s="54"/>
      <c r="B403" s="19"/>
      <c r="C403" s="55"/>
      <c r="D403" s="24" t="s">
        <v>882</v>
      </c>
    </row>
    <row r="404" spans="1:4" ht="14.5" x14ac:dyDescent="0.3">
      <c r="A404" s="54"/>
      <c r="B404" s="19"/>
      <c r="C404" s="55"/>
      <c r="D404" s="24" t="s">
        <v>883</v>
      </c>
    </row>
    <row r="405" spans="1:4" ht="14.5" x14ac:dyDescent="0.3">
      <c r="A405" s="54"/>
      <c r="B405" s="19"/>
      <c r="C405" s="55"/>
      <c r="D405" s="24" t="s">
        <v>884</v>
      </c>
    </row>
    <row r="406" spans="1:4" ht="14.5" x14ac:dyDescent="0.3">
      <c r="A406" s="54"/>
      <c r="B406" s="19"/>
      <c r="C406" s="55"/>
      <c r="D406" s="24" t="s">
        <v>885</v>
      </c>
    </row>
    <row r="407" spans="1:4" ht="14.5" x14ac:dyDescent="0.3">
      <c r="A407" s="54"/>
      <c r="B407" s="19"/>
      <c r="C407" s="55"/>
      <c r="D407" s="24" t="s">
        <v>886</v>
      </c>
    </row>
    <row r="408" spans="1:4" ht="14.5" x14ac:dyDescent="0.3">
      <c r="A408" s="54"/>
      <c r="B408" s="19"/>
      <c r="C408" s="55"/>
      <c r="D408" s="24" t="s">
        <v>887</v>
      </c>
    </row>
    <row r="409" spans="1:4" ht="14.5" x14ac:dyDescent="0.3">
      <c r="A409" s="54"/>
      <c r="B409" s="19"/>
      <c r="C409" s="55"/>
      <c r="D409" s="24" t="s">
        <v>888</v>
      </c>
    </row>
    <row r="410" spans="1:4" ht="14.5" x14ac:dyDescent="0.3">
      <c r="A410" s="54"/>
      <c r="B410" s="19"/>
      <c r="C410" s="55"/>
      <c r="D410" s="24" t="s">
        <v>889</v>
      </c>
    </row>
    <row r="411" spans="1:4" ht="14.5" x14ac:dyDescent="0.3">
      <c r="A411" s="54"/>
      <c r="B411" s="19"/>
      <c r="C411" s="55"/>
      <c r="D411" s="31"/>
    </row>
    <row r="412" spans="1:4" ht="14.5" x14ac:dyDescent="0.3">
      <c r="A412" s="54"/>
      <c r="B412" s="19"/>
      <c r="C412" s="55"/>
      <c r="D412" s="24" t="s">
        <v>890</v>
      </c>
    </row>
    <row r="413" spans="1:4" ht="15" thickBot="1" x14ac:dyDescent="0.35">
      <c r="A413" s="51"/>
      <c r="B413" s="20"/>
      <c r="C413" s="53"/>
      <c r="D413" s="22" t="s">
        <v>891</v>
      </c>
    </row>
    <row r="414" spans="1:4" ht="15.5" x14ac:dyDescent="0.3">
      <c r="A414" s="50" t="s">
        <v>892</v>
      </c>
      <c r="B414" s="18"/>
      <c r="C414" s="52" t="s">
        <v>868</v>
      </c>
      <c r="D414" s="24" t="s">
        <v>869</v>
      </c>
    </row>
    <row r="415" spans="1:4" ht="37.5" x14ac:dyDescent="0.3">
      <c r="A415" s="54"/>
      <c r="B415" s="4" t="s">
        <v>870</v>
      </c>
      <c r="C415" s="55"/>
      <c r="D415" s="24"/>
    </row>
    <row r="416" spans="1:4" ht="14.5" x14ac:dyDescent="0.3">
      <c r="A416" s="54"/>
      <c r="B416" s="19"/>
      <c r="C416" s="55"/>
      <c r="D416" s="24" t="s">
        <v>871</v>
      </c>
    </row>
    <row r="417" spans="1:4" ht="14.5" x14ac:dyDescent="0.3">
      <c r="A417" s="54"/>
      <c r="B417" s="19"/>
      <c r="C417" s="55"/>
      <c r="D417" s="24" t="s">
        <v>872</v>
      </c>
    </row>
    <row r="418" spans="1:4" ht="14.5" x14ac:dyDescent="0.3">
      <c r="A418" s="54"/>
      <c r="B418" s="19"/>
      <c r="C418" s="55"/>
      <c r="D418" s="31"/>
    </row>
    <row r="419" spans="1:4" ht="14.5" x14ac:dyDescent="0.3">
      <c r="A419" s="54"/>
      <c r="B419" s="19"/>
      <c r="C419" s="55"/>
      <c r="D419" s="24" t="s">
        <v>873</v>
      </c>
    </row>
    <row r="420" spans="1:4" ht="14.5" x14ac:dyDescent="0.3">
      <c r="A420" s="54"/>
      <c r="B420" s="19"/>
      <c r="C420" s="55"/>
      <c r="D420" s="24" t="s">
        <v>874</v>
      </c>
    </row>
    <row r="421" spans="1:4" ht="14.5" x14ac:dyDescent="0.3">
      <c r="A421" s="54"/>
      <c r="B421" s="19"/>
      <c r="C421" s="55"/>
      <c r="D421" s="24" t="s">
        <v>875</v>
      </c>
    </row>
    <row r="422" spans="1:4" ht="14.5" x14ac:dyDescent="0.3">
      <c r="A422" s="54"/>
      <c r="B422" s="19"/>
      <c r="C422" s="55"/>
      <c r="D422" s="24" t="s">
        <v>876</v>
      </c>
    </row>
    <row r="423" spans="1:4" ht="14.5" x14ac:dyDescent="0.3">
      <c r="A423" s="54"/>
      <c r="B423" s="19"/>
      <c r="C423" s="55"/>
      <c r="D423" s="24" t="s">
        <v>877</v>
      </c>
    </row>
    <row r="424" spans="1:4" ht="14.5" x14ac:dyDescent="0.3">
      <c r="A424" s="54"/>
      <c r="B424" s="19"/>
      <c r="C424" s="55"/>
      <c r="D424" s="24" t="s">
        <v>878</v>
      </c>
    </row>
    <row r="425" spans="1:4" ht="14.5" x14ac:dyDescent="0.3">
      <c r="A425" s="54"/>
      <c r="B425" s="19"/>
      <c r="C425" s="55"/>
      <c r="D425" s="24" t="s">
        <v>879</v>
      </c>
    </row>
    <row r="426" spans="1:4" ht="14.5" x14ac:dyDescent="0.3">
      <c r="A426" s="54"/>
      <c r="B426" s="19"/>
      <c r="C426" s="55"/>
      <c r="D426" s="24" t="s">
        <v>880</v>
      </c>
    </row>
    <row r="427" spans="1:4" ht="14.5" x14ac:dyDescent="0.3">
      <c r="A427" s="54"/>
      <c r="B427" s="19"/>
      <c r="C427" s="55"/>
      <c r="D427" s="24" t="s">
        <v>881</v>
      </c>
    </row>
    <row r="428" spans="1:4" ht="14.5" x14ac:dyDescent="0.3">
      <c r="A428" s="54"/>
      <c r="B428" s="19"/>
      <c r="C428" s="55"/>
      <c r="D428" s="24" t="s">
        <v>882</v>
      </c>
    </row>
    <row r="429" spans="1:4" ht="14.5" x14ac:dyDescent="0.3">
      <c r="A429" s="54"/>
      <c r="B429" s="19"/>
      <c r="C429" s="55"/>
      <c r="D429" s="24" t="s">
        <v>883</v>
      </c>
    </row>
    <row r="430" spans="1:4" ht="14.5" x14ac:dyDescent="0.3">
      <c r="A430" s="54"/>
      <c r="B430" s="19"/>
      <c r="C430" s="55"/>
      <c r="D430" s="24" t="s">
        <v>884</v>
      </c>
    </row>
    <row r="431" spans="1:4" ht="14.5" x14ac:dyDescent="0.3">
      <c r="A431" s="54"/>
      <c r="B431" s="19"/>
      <c r="C431" s="55"/>
      <c r="D431" s="24" t="s">
        <v>885</v>
      </c>
    </row>
    <row r="432" spans="1:4" ht="14.5" x14ac:dyDescent="0.3">
      <c r="A432" s="54"/>
      <c r="B432" s="19"/>
      <c r="C432" s="55"/>
      <c r="D432" s="24" t="s">
        <v>886</v>
      </c>
    </row>
    <row r="433" spans="1:4" ht="14.5" x14ac:dyDescent="0.3">
      <c r="A433" s="54"/>
      <c r="B433" s="19"/>
      <c r="C433" s="55"/>
      <c r="D433" s="24" t="s">
        <v>887</v>
      </c>
    </row>
    <row r="434" spans="1:4" ht="14.5" x14ac:dyDescent="0.3">
      <c r="A434" s="54"/>
      <c r="B434" s="19"/>
      <c r="C434" s="55"/>
      <c r="D434" s="24" t="s">
        <v>888</v>
      </c>
    </row>
    <row r="435" spans="1:4" ht="14.5" x14ac:dyDescent="0.3">
      <c r="A435" s="54"/>
      <c r="B435" s="19"/>
      <c r="C435" s="55"/>
      <c r="D435" s="24" t="s">
        <v>889</v>
      </c>
    </row>
    <row r="436" spans="1:4" ht="14.5" x14ac:dyDescent="0.3">
      <c r="A436" s="54"/>
      <c r="B436" s="19"/>
      <c r="C436" s="55"/>
      <c r="D436" s="31"/>
    </row>
    <row r="437" spans="1:4" ht="14.5" x14ac:dyDescent="0.3">
      <c r="A437" s="54"/>
      <c r="B437" s="19"/>
      <c r="C437" s="55"/>
      <c r="D437" s="24" t="s">
        <v>890</v>
      </c>
    </row>
    <row r="438" spans="1:4" ht="15" thickBot="1" x14ac:dyDescent="0.35">
      <c r="A438" s="51"/>
      <c r="B438" s="20"/>
      <c r="C438" s="53"/>
      <c r="D438" s="22" t="s">
        <v>891</v>
      </c>
    </row>
    <row r="439" spans="1:4" ht="58.5" thickBot="1" x14ac:dyDescent="0.35">
      <c r="A439" s="7" t="s">
        <v>893</v>
      </c>
      <c r="B439" s="2" t="s">
        <v>894</v>
      </c>
      <c r="C439" s="21" t="s">
        <v>895</v>
      </c>
      <c r="D439" s="22" t="s">
        <v>896</v>
      </c>
    </row>
    <row r="440" spans="1:4" ht="15" thickBot="1" x14ac:dyDescent="0.35">
      <c r="A440" s="7" t="s">
        <v>897</v>
      </c>
      <c r="B440" s="2" t="s">
        <v>97</v>
      </c>
      <c r="C440" s="21" t="s">
        <v>98</v>
      </c>
      <c r="D440" s="22">
        <v>123456789</v>
      </c>
    </row>
    <row r="441" spans="1:4" ht="29.5" thickBot="1" x14ac:dyDescent="0.35">
      <c r="A441" s="7" t="s">
        <v>898</v>
      </c>
      <c r="B441" s="2" t="s">
        <v>899</v>
      </c>
      <c r="C441" s="21" t="s">
        <v>900</v>
      </c>
      <c r="D441" s="22" t="s">
        <v>901</v>
      </c>
    </row>
    <row r="442" spans="1:4" ht="14.5" x14ac:dyDescent="0.3">
      <c r="A442" s="50" t="s">
        <v>902</v>
      </c>
      <c r="B442" s="50" t="s">
        <v>903</v>
      </c>
      <c r="C442" s="52" t="s">
        <v>904</v>
      </c>
      <c r="D442" s="24" t="s">
        <v>905</v>
      </c>
    </row>
    <row r="443" spans="1:4" ht="15" thickBot="1" x14ac:dyDescent="0.35">
      <c r="A443" s="51"/>
      <c r="B443" s="51"/>
      <c r="C443" s="53"/>
      <c r="D443" s="22">
        <v>1234567890123</v>
      </c>
    </row>
    <row r="444" spans="1:4" ht="15" thickBot="1" x14ac:dyDescent="0.35">
      <c r="A444" s="7" t="s">
        <v>906</v>
      </c>
      <c r="B444" s="2" t="s">
        <v>907</v>
      </c>
      <c r="C444" s="21" t="s">
        <v>908</v>
      </c>
      <c r="D444" s="22" t="s">
        <v>909</v>
      </c>
    </row>
    <row r="445" spans="1:4" ht="15" thickBot="1" x14ac:dyDescent="0.35">
      <c r="A445" s="7" t="s">
        <v>910</v>
      </c>
      <c r="B445" s="2" t="s">
        <v>911</v>
      </c>
      <c r="C445" s="21" t="s">
        <v>912</v>
      </c>
      <c r="D445" s="22">
        <v>123456</v>
      </c>
    </row>
    <row r="446" spans="1:4" ht="15" thickBot="1" x14ac:dyDescent="0.35">
      <c r="A446" s="7" t="s">
        <v>913</v>
      </c>
      <c r="B446" s="2" t="s">
        <v>911</v>
      </c>
      <c r="C446" s="21" t="s">
        <v>912</v>
      </c>
      <c r="D446" s="22">
        <v>123456</v>
      </c>
    </row>
    <row r="447" spans="1:4" ht="15" thickBot="1" x14ac:dyDescent="0.35">
      <c r="A447" s="7" t="s">
        <v>914</v>
      </c>
      <c r="B447" s="2" t="s">
        <v>911</v>
      </c>
      <c r="C447" s="21" t="s">
        <v>912</v>
      </c>
      <c r="D447" s="22">
        <v>123456</v>
      </c>
    </row>
    <row r="448" spans="1:4" ht="116.5" thickBot="1" x14ac:dyDescent="0.35">
      <c r="A448" s="7" t="s">
        <v>915</v>
      </c>
      <c r="B448" s="2" t="s">
        <v>916</v>
      </c>
      <c r="C448" s="21" t="s">
        <v>917</v>
      </c>
      <c r="D448" s="22" t="s">
        <v>918</v>
      </c>
    </row>
    <row r="449" spans="1:6" ht="44" thickBot="1" x14ac:dyDescent="0.35">
      <c r="A449" s="7" t="s">
        <v>919</v>
      </c>
      <c r="B449" s="2" t="s">
        <v>920</v>
      </c>
      <c r="C449" s="21" t="s">
        <v>921</v>
      </c>
      <c r="D449" s="22" t="s">
        <v>922</v>
      </c>
    </row>
    <row r="450" spans="1:6" ht="44" thickBot="1" x14ac:dyDescent="0.35">
      <c r="A450" s="7" t="s">
        <v>923</v>
      </c>
      <c r="B450" s="2" t="s">
        <v>920</v>
      </c>
      <c r="C450" s="21" t="s">
        <v>921</v>
      </c>
      <c r="D450" s="22" t="s">
        <v>922</v>
      </c>
    </row>
    <row r="451" spans="1:6" ht="15" thickBot="1" x14ac:dyDescent="0.35">
      <c r="A451" s="7" t="s">
        <v>924</v>
      </c>
      <c r="B451" s="2" t="s">
        <v>125</v>
      </c>
      <c r="C451" s="21" t="s">
        <v>925</v>
      </c>
      <c r="D451" s="22">
        <v>123456789014</v>
      </c>
    </row>
    <row r="452" spans="1:6" ht="15" thickBot="1" x14ac:dyDescent="0.35">
      <c r="A452" s="7" t="s">
        <v>926</v>
      </c>
      <c r="B452" s="2" t="s">
        <v>23</v>
      </c>
      <c r="C452" s="21" t="s">
        <v>24</v>
      </c>
      <c r="D452" s="22">
        <v>1234567890</v>
      </c>
    </row>
    <row r="453" spans="1:6" ht="73" thickBot="1" x14ac:dyDescent="0.35">
      <c r="A453" s="7" t="s">
        <v>927</v>
      </c>
      <c r="B453" s="2" t="s">
        <v>928</v>
      </c>
      <c r="C453" s="21" t="s">
        <v>929</v>
      </c>
      <c r="D453" s="22" t="s">
        <v>930</v>
      </c>
      <c r="E453" s="14">
        <v>123123123123</v>
      </c>
      <c r="F453" s="14">
        <f>LEN(E453)</f>
        <v>12</v>
      </c>
    </row>
    <row r="454" spans="1:6" ht="73" thickBot="1" x14ac:dyDescent="0.35">
      <c r="A454" s="7" t="s">
        <v>931</v>
      </c>
      <c r="B454" s="2" t="s">
        <v>928</v>
      </c>
      <c r="C454" s="21" t="s">
        <v>929</v>
      </c>
      <c r="D454" s="22" t="s">
        <v>930</v>
      </c>
    </row>
    <row r="455" spans="1:6" ht="15" thickBot="1" x14ac:dyDescent="0.35">
      <c r="A455" s="5" t="s">
        <v>932</v>
      </c>
      <c r="B455" s="6" t="s">
        <v>933</v>
      </c>
      <c r="C455" s="27" t="s">
        <v>934</v>
      </c>
      <c r="D455" s="32">
        <v>123456789012345</v>
      </c>
    </row>
    <row r="456" spans="1:6" ht="15" thickBot="1" x14ac:dyDescent="0.35">
      <c r="A456" s="7" t="s">
        <v>935</v>
      </c>
      <c r="B456" s="6" t="s">
        <v>933</v>
      </c>
      <c r="C456" s="27" t="s">
        <v>934</v>
      </c>
      <c r="D456" s="32">
        <v>123456789012345</v>
      </c>
    </row>
    <row r="457" spans="1:6" ht="15" thickBot="1" x14ac:dyDescent="0.35">
      <c r="A457" s="7" t="s">
        <v>936</v>
      </c>
      <c r="B457" s="6" t="s">
        <v>933</v>
      </c>
      <c r="C457" s="27" t="s">
        <v>934</v>
      </c>
      <c r="D457" s="32">
        <v>123456789012345</v>
      </c>
    </row>
    <row r="458" spans="1:6" ht="15" thickBot="1" x14ac:dyDescent="0.35">
      <c r="A458" s="7" t="s">
        <v>937</v>
      </c>
      <c r="B458" s="6" t="s">
        <v>933</v>
      </c>
      <c r="C458" s="27" t="s">
        <v>934</v>
      </c>
      <c r="D458" s="32">
        <v>123456789012345</v>
      </c>
    </row>
    <row r="459" spans="1:6" ht="15" thickBot="1" x14ac:dyDescent="0.35">
      <c r="A459" s="7" t="s">
        <v>938</v>
      </c>
      <c r="B459" s="6" t="s">
        <v>933</v>
      </c>
      <c r="C459" s="27" t="s">
        <v>934</v>
      </c>
      <c r="D459" s="32">
        <v>123456789012345</v>
      </c>
    </row>
    <row r="460" spans="1:6" ht="15" thickBot="1" x14ac:dyDescent="0.35">
      <c r="A460" s="7" t="s">
        <v>939</v>
      </c>
      <c r="B460" s="6" t="s">
        <v>933</v>
      </c>
      <c r="C460" s="27" t="s">
        <v>934</v>
      </c>
      <c r="D460" s="32">
        <v>123456789012345</v>
      </c>
    </row>
    <row r="461" spans="1:6" ht="15" thickBot="1" x14ac:dyDescent="0.35">
      <c r="A461" s="7" t="s">
        <v>940</v>
      </c>
      <c r="B461" s="6" t="s">
        <v>933</v>
      </c>
      <c r="C461" s="27" t="s">
        <v>934</v>
      </c>
      <c r="D461" s="32">
        <v>123456789012345</v>
      </c>
    </row>
    <row r="462" spans="1:6" ht="116.5" thickBot="1" x14ac:dyDescent="0.35">
      <c r="A462" s="7" t="s">
        <v>941</v>
      </c>
      <c r="B462" s="6" t="s">
        <v>988</v>
      </c>
      <c r="C462" s="34" t="s">
        <v>989</v>
      </c>
      <c r="D462" s="32" t="s">
        <v>990</v>
      </c>
    </row>
    <row r="463" spans="1:6" ht="116.5" thickBot="1" x14ac:dyDescent="0.35">
      <c r="A463" s="7" t="s">
        <v>942</v>
      </c>
      <c r="B463" s="6" t="s">
        <v>988</v>
      </c>
      <c r="C463" s="27" t="s">
        <v>989</v>
      </c>
      <c r="D463" s="32" t="s">
        <v>990</v>
      </c>
    </row>
    <row r="464" spans="1:6" ht="15" thickBot="1" x14ac:dyDescent="0.35">
      <c r="A464" s="7" t="s">
        <v>943</v>
      </c>
      <c r="B464" s="2" t="s">
        <v>125</v>
      </c>
      <c r="C464" s="21" t="s">
        <v>126</v>
      </c>
      <c r="D464" s="22">
        <v>123456789012</v>
      </c>
    </row>
    <row r="465" spans="1:4" ht="15" thickBot="1" x14ac:dyDescent="0.35">
      <c r="A465" s="7" t="s">
        <v>944</v>
      </c>
      <c r="B465" s="2" t="s">
        <v>125</v>
      </c>
      <c r="C465" s="21" t="s">
        <v>126</v>
      </c>
      <c r="D465" s="22">
        <v>123456789012</v>
      </c>
    </row>
    <row r="466" spans="1:4" ht="15" thickBot="1" x14ac:dyDescent="0.35">
      <c r="A466" s="7" t="s">
        <v>945</v>
      </c>
      <c r="B466" s="2" t="s">
        <v>970</v>
      </c>
      <c r="C466" s="21" t="s">
        <v>971</v>
      </c>
      <c r="D466" s="22" t="s">
        <v>972</v>
      </c>
    </row>
    <row r="467" spans="1:4" ht="58.5" thickBot="1" x14ac:dyDescent="0.35">
      <c r="A467" s="7" t="s">
        <v>946</v>
      </c>
      <c r="B467" s="2" t="s">
        <v>947</v>
      </c>
      <c r="C467" s="21" t="s">
        <v>948</v>
      </c>
      <c r="D467" s="22" t="s">
        <v>949</v>
      </c>
    </row>
    <row r="468" spans="1:4" ht="29.5" thickBot="1" x14ac:dyDescent="0.35">
      <c r="A468" s="7" t="s">
        <v>950</v>
      </c>
      <c r="B468" s="2" t="s">
        <v>951</v>
      </c>
      <c r="C468" s="21" t="s">
        <v>952</v>
      </c>
      <c r="D468" s="22" t="s">
        <v>953</v>
      </c>
    </row>
    <row r="469" spans="1:4" ht="14.5" x14ac:dyDescent="0.3">
      <c r="A469" s="44" t="s">
        <v>954</v>
      </c>
      <c r="B469" s="44" t="s">
        <v>955</v>
      </c>
      <c r="C469" s="47" t="s">
        <v>956</v>
      </c>
      <c r="D469" s="41" t="s">
        <v>957</v>
      </c>
    </row>
    <row r="470" spans="1:4" ht="15" customHeight="1" x14ac:dyDescent="0.3">
      <c r="A470" s="45"/>
      <c r="B470" s="45"/>
      <c r="C470" s="48"/>
      <c r="D470" s="41" t="s">
        <v>958</v>
      </c>
    </row>
    <row r="471" spans="1:4" ht="15" thickBot="1" x14ac:dyDescent="0.35">
      <c r="A471" s="46"/>
      <c r="B471" s="46"/>
      <c r="C471" s="49"/>
      <c r="D471" s="37" t="s">
        <v>959</v>
      </c>
    </row>
    <row r="472" spans="1:4" ht="69.650000000000006" customHeight="1" thickBot="1" x14ac:dyDescent="0.35">
      <c r="A472" s="7" t="s">
        <v>960</v>
      </c>
      <c r="B472" s="2" t="s">
        <v>75</v>
      </c>
      <c r="C472" s="21" t="s">
        <v>76</v>
      </c>
      <c r="D472" s="22">
        <v>12345678</v>
      </c>
    </row>
  </sheetData>
  <autoFilter ref="A2:D472" xr:uid="{00000000-0001-0000-0000-000000000000}"/>
  <mergeCells count="50">
    <mergeCell ref="A1:D1"/>
    <mergeCell ref="A330:A336"/>
    <mergeCell ref="B330:B336"/>
    <mergeCell ref="C330:C336"/>
    <mergeCell ref="A279:A281"/>
    <mergeCell ref="B279:B281"/>
    <mergeCell ref="C279:C281"/>
    <mergeCell ref="A327:A328"/>
    <mergeCell ref="B327:B328"/>
    <mergeCell ref="C327:C328"/>
    <mergeCell ref="A272:A274"/>
    <mergeCell ref="B272:B274"/>
    <mergeCell ref="C272:C274"/>
    <mergeCell ref="A275:A278"/>
    <mergeCell ref="B275:B278"/>
    <mergeCell ref="C275:C278"/>
    <mergeCell ref="A351:A352"/>
    <mergeCell ref="B351:B352"/>
    <mergeCell ref="C351:C352"/>
    <mergeCell ref="A469:A471"/>
    <mergeCell ref="B469:B471"/>
    <mergeCell ref="C469:C471"/>
    <mergeCell ref="A382:A383"/>
    <mergeCell ref="B382:B383"/>
    <mergeCell ref="C382:C383"/>
    <mergeCell ref="A389:A413"/>
    <mergeCell ref="C389:C413"/>
    <mergeCell ref="A414:A438"/>
    <mergeCell ref="C414:C438"/>
    <mergeCell ref="A442:A443"/>
    <mergeCell ref="B442:B443"/>
    <mergeCell ref="C442:C443"/>
    <mergeCell ref="A269:A271"/>
    <mergeCell ref="B269:B271"/>
    <mergeCell ref="C269:C271"/>
    <mergeCell ref="A183:A184"/>
    <mergeCell ref="B183:B184"/>
    <mergeCell ref="C183:C184"/>
    <mergeCell ref="A112:A113"/>
    <mergeCell ref="B112:B113"/>
    <mergeCell ref="C112:C113"/>
    <mergeCell ref="A162:A165"/>
    <mergeCell ref="B162:B165"/>
    <mergeCell ref="C162:C165"/>
    <mergeCell ref="A15:A17"/>
    <mergeCell ref="B15:B17"/>
    <mergeCell ref="C15:C17"/>
    <mergeCell ref="A95:A96"/>
    <mergeCell ref="B95:B96"/>
    <mergeCell ref="C95:C96"/>
  </mergeCells>
  <pageMargins left="0.7" right="0.7" top="0.75" bottom="0.75" header="0.3" footer="0.3"/>
  <pageSetup scale="37" fitToHeight="0" orientation="portrait" r:id="rId1"/>
  <headerFooter>
    <oddFooter>&amp;L&amp;1#&amp;"Calibri"&amp;8&amp;K000000Sensitivity: Confidential</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176265151C89142AA4A88468EFC207B" ma:contentTypeVersion="14" ma:contentTypeDescription="Create a new document." ma:contentTypeScope="" ma:versionID="867777b6789ffd56a097677891dae6fa">
  <xsd:schema xmlns:xsd="http://www.w3.org/2001/XMLSchema" xmlns:xs="http://www.w3.org/2001/XMLSchema" xmlns:p="http://schemas.microsoft.com/office/2006/metadata/properties" xmlns:ns1="http://schemas.microsoft.com/sharepoint/v3" xmlns:ns2="303a44d4-6194-4434-8886-055c1837289e" xmlns:ns3="76909cd5-5a23-4f29-b1ee-1dcdfaa9cd18" targetNamespace="http://schemas.microsoft.com/office/2006/metadata/properties" ma:root="true" ma:fieldsID="9f7c614aa989215fcaa7f12be04d995e" ns1:_="" ns2:_="" ns3:_="">
    <xsd:import namespace="http://schemas.microsoft.com/sharepoint/v3"/>
    <xsd:import namespace="303a44d4-6194-4434-8886-055c1837289e"/>
    <xsd:import namespace="76909cd5-5a23-4f29-b1ee-1dcdfaa9cd18"/>
    <xsd:element name="properties">
      <xsd:complexType>
        <xsd:sequence>
          <xsd:element name="documentManagement">
            <xsd:complexType>
              <xsd:all>
                <xsd:element ref="ns1:_ip_UnifiedCompliancePolicyProperties" minOccurs="0"/>
                <xsd:element ref="ns1:_ip_UnifiedCompliancePolicyUIAction" minOccurs="0"/>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8" nillable="true" ma:displayName="Unified Compliance Policy Properties" ma:hidden="true" ma:internalName="_ip_UnifiedCompliancePolicyProperties">
      <xsd:simpleType>
        <xsd:restriction base="dms:Note"/>
      </xsd:simpleType>
    </xsd:element>
    <xsd:element name="_ip_UnifiedCompliancePolicyUIAction" ma:index="9"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303a44d4-6194-4434-8886-055c1837289e"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LengthInSeconds" ma:index="13" nillable="true" ma:displayName="MediaLengthInSeconds" ma:hidden="true" ma:internalName="MediaLengthInSeconds" ma:readOnly="true">
      <xsd:simpleType>
        <xsd:restriction base="dms:Unknown"/>
      </xsd:simpleType>
    </xsd:element>
    <xsd:element name="lcf76f155ced4ddcb4097134ff3c332f" ma:index="15" nillable="true" ma:taxonomy="true" ma:internalName="lcf76f155ced4ddcb4097134ff3c332f" ma:taxonomyFieldName="MediaServiceImageTags" ma:displayName="Image Tags" ma:readOnly="false" ma:fieldId="{5cf76f15-5ced-4ddc-b409-7134ff3c332f}" ma:taxonomyMulti="true" ma:sspId="54101172-0cdf-4a4d-852d-90099e45c587" ma:termSetId="09814cd3-568e-fe90-9814-8d621ff8fb84" ma:anchorId="fba54fb3-c3e1-fe81-a776-ca4b69148c4d" ma:open="true" ma:isKeyword="false">
      <xsd:complexType>
        <xsd:sequence>
          <xsd:element ref="pc:Terms" minOccurs="0" maxOccurs="1"/>
        </xsd:sequence>
      </xsd:complexType>
    </xsd:element>
    <xsd:element name="MediaServiceOCR" ma:index="17" nillable="true" ma:displayName="Extracted Text" ma:internalName="MediaServiceOCR" ma:readOnly="true">
      <xsd:simpleType>
        <xsd:restriction base="dms:Note">
          <xsd:maxLength value="255"/>
        </xsd:restriction>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6909cd5-5a23-4f29-b1ee-1dcdfaa9cd18" elementFormDefault="qualified">
    <xsd:import namespace="http://schemas.microsoft.com/office/2006/documentManagement/types"/>
    <xsd:import namespace="http://schemas.microsoft.com/office/infopath/2007/PartnerControls"/>
    <xsd:element name="TaxCatchAll" ma:index="16" nillable="true" ma:displayName="Taxonomy Catch All Column" ma:hidden="true" ma:list="{67579d39-2410-49e5-89cf-6d51eb42d8e4}" ma:internalName="TaxCatchAll" ma:showField="CatchAllData" ma:web="76909cd5-5a23-4f29-b1ee-1dcdfaa9cd18">
      <xsd:complexType>
        <xsd:complexContent>
          <xsd:extension base="dms:MultiChoiceLookup">
            <xsd:sequence>
              <xsd:element name="Value" type="dms:Lookup" maxOccurs="unbounded" minOccurs="0" nillable="true"/>
            </xsd:sequence>
          </xsd:extension>
        </xsd:complexContent>
      </xsd:complexType>
    </xsd:element>
    <xsd:element name="SharedWithUsers" ma:index="2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lcf76f155ced4ddcb4097134ff3c332f xmlns="303a44d4-6194-4434-8886-055c1837289e">
      <Terms xmlns="http://schemas.microsoft.com/office/infopath/2007/PartnerControls"/>
    </lcf76f155ced4ddcb4097134ff3c332f>
    <TaxCatchAll xmlns="76909cd5-5a23-4f29-b1ee-1dcdfaa9cd18"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10E7127-DFAA-4C41-8A77-95766D49D9C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303a44d4-6194-4434-8886-055c1837289e"/>
    <ds:schemaRef ds:uri="76909cd5-5a23-4f29-b1ee-1dcdfaa9cd1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AE36F9B-2587-45C3-9EF4-487B005584DB}">
  <ds:schemaRefs>
    <ds:schemaRef ds:uri="http://purl.org/dc/terms/"/>
    <ds:schemaRef ds:uri="303a44d4-6194-4434-8886-055c1837289e"/>
    <ds:schemaRef ds:uri="http://purl.org/dc/dcmitype/"/>
    <ds:schemaRef ds:uri="http://schemas.microsoft.com/office/2006/metadata/properties"/>
    <ds:schemaRef ds:uri="76909cd5-5a23-4f29-b1ee-1dcdfaa9cd18"/>
    <ds:schemaRef ds:uri="http://www.w3.org/XML/1998/namespace"/>
    <ds:schemaRef ds:uri="http://schemas.microsoft.com/office/2006/documentManagement/types"/>
    <ds:schemaRef ds:uri="http://purl.org/dc/elements/1.1/"/>
    <ds:schemaRef ds:uri="http://schemas.microsoft.com/sharepoint/v3"/>
    <ds:schemaRef ds:uri="http://schemas.microsoft.com/office/infopath/2007/PartnerControls"/>
    <ds:schemaRef ds:uri="http://schemas.openxmlformats.org/package/2006/metadata/core-properties"/>
  </ds:schemaRefs>
</ds:datastoreItem>
</file>

<file path=customXml/itemProps3.xml><?xml version="1.0" encoding="utf-8"?>
<ds:datastoreItem xmlns:ds="http://schemas.openxmlformats.org/officeDocument/2006/customXml" ds:itemID="{93F71797-C206-4D84-A1FD-39F2B6946535}">
  <ds:schemaRefs>
    <ds:schemaRef ds:uri="http://schemas.microsoft.com/sharepoint/v3/contenttype/forms"/>
  </ds:schemaRefs>
</ds:datastoreItem>
</file>

<file path=docMetadata/LabelInfo.xml><?xml version="1.0" encoding="utf-8"?>
<clbl:labelList xmlns:clbl="http://schemas.microsoft.com/office/2020/mipLabelMetadata">
  <clbl:label id="{f260df36-bc43-424c-8f44-c85226657b01}" enabled="0" method="" siteId="{f260df36-bc43-424c-8f44-c85226657b01}"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1</vt:lpstr>
    </vt:vector>
  </TitlesOfParts>
  <Manager/>
  <Company>Thomson Reuters</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NESOURCE Indirect Tax Determination</dc:title>
  <dc:subject>Registration Masks</dc:subject>
  <dc:creator>Fernandez Ovalle, Benjamin (Tax&amp;Accounting)</dc:creator>
  <cp:keywords/>
  <dc:description/>
  <cp:lastModifiedBy>Laszlo Meszaros</cp:lastModifiedBy>
  <cp:revision/>
  <cp:lastPrinted>2023-06-26T09:25:54Z</cp:lastPrinted>
  <dcterms:created xsi:type="dcterms:W3CDTF">2015-04-30T19:56:30Z</dcterms:created>
  <dcterms:modified xsi:type="dcterms:W3CDTF">2023-07-06T14:46:5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160cf5d0-3195-495b-8e47-6fd80127629b_Enabled">
    <vt:lpwstr>True</vt:lpwstr>
  </property>
  <property fmtid="{D5CDD505-2E9C-101B-9397-08002B2CF9AE}" pid="3" name="MSIP_Label_160cf5d0-3195-495b-8e47-6fd80127629b_SiteId">
    <vt:lpwstr>62ccb864-6a1a-4b5d-8e1c-397dec1a8258</vt:lpwstr>
  </property>
  <property fmtid="{D5CDD505-2E9C-101B-9397-08002B2CF9AE}" pid="4" name="MSIP_Label_160cf5d0-3195-495b-8e47-6fd80127629b_Ref">
    <vt:lpwstr>https://api.informationprotection.azure.com/api/62ccb864-6a1a-4b5d-8e1c-397dec1a8258</vt:lpwstr>
  </property>
  <property fmtid="{D5CDD505-2E9C-101B-9397-08002B2CF9AE}" pid="5" name="MSIP_Label_160cf5d0-3195-495b-8e47-6fd80127629b_Owner">
    <vt:lpwstr>eugenia.soto@thomsonreuters.com</vt:lpwstr>
  </property>
  <property fmtid="{D5CDD505-2E9C-101B-9397-08002B2CF9AE}" pid="6" name="MSIP_Label_160cf5d0-3195-495b-8e47-6fd80127629b_SetDate">
    <vt:lpwstr>2018-12-06T16:26:37.1327724-08:00</vt:lpwstr>
  </property>
  <property fmtid="{D5CDD505-2E9C-101B-9397-08002B2CF9AE}" pid="7" name="MSIP_Label_160cf5d0-3195-495b-8e47-6fd80127629b_Name">
    <vt:lpwstr>Confidential</vt:lpwstr>
  </property>
  <property fmtid="{D5CDD505-2E9C-101B-9397-08002B2CF9AE}" pid="8" name="MSIP_Label_160cf5d0-3195-495b-8e47-6fd80127629b_Application">
    <vt:lpwstr>Microsoft Azure Information Protection</vt:lpwstr>
  </property>
  <property fmtid="{D5CDD505-2E9C-101B-9397-08002B2CF9AE}" pid="9" name="MSIP_Label_160cf5d0-3195-495b-8e47-6fd80127629b_Extended_MSFT_Method">
    <vt:lpwstr>Automatic</vt:lpwstr>
  </property>
  <property fmtid="{D5CDD505-2E9C-101B-9397-08002B2CF9AE}" pid="10" name="Sensitivity">
    <vt:lpwstr>Confidential</vt:lpwstr>
  </property>
  <property fmtid="{D5CDD505-2E9C-101B-9397-08002B2CF9AE}" pid="11" name="ContentTypeId">
    <vt:lpwstr>0x0101002176265151C89142AA4A88468EFC207B</vt:lpwstr>
  </property>
  <property fmtid="{D5CDD505-2E9C-101B-9397-08002B2CF9AE}" pid="12" name="Order">
    <vt:r8>100</vt:r8>
  </property>
  <property fmtid="{D5CDD505-2E9C-101B-9397-08002B2CF9AE}" pid="13" name="MediaServiceImageTags">
    <vt:lpwstr/>
  </property>
</Properties>
</file>